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100\group\04-1不祥事防止対策グループ（①不祥事防止）\040 内部統制\01　基本方針要綱等\18_令和６年４月改正\02_施行\"/>
    </mc:Choice>
  </mc:AlternateContent>
  <bookViews>
    <workbookView xWindow="0" yWindow="0" windowWidth="23040" windowHeight="9360"/>
  </bookViews>
  <sheets>
    <sheet name="リスク評価シート" sheetId="15" r:id="rId1"/>
    <sheet name="所属コード" sheetId="16" state="hidden" r:id="rId2"/>
  </sheets>
  <definedNames>
    <definedName name="_xlnm._FilterDatabase" localSheetId="0" hidden="1">リスク評価シート!$A$6:$P$49</definedName>
    <definedName name="_xlnm.Print_Area" localSheetId="0">リスク評価シート!$A$1:$K$49</definedName>
    <definedName name="_xlnm.Print_Titles" localSheetId="0">リスク評価シート!$5:$6</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2" i="15" l="1"/>
</calcChain>
</file>

<file path=xl/comments1.xml><?xml version="1.0" encoding="utf-8"?>
<comments xmlns="http://schemas.openxmlformats.org/spreadsheetml/2006/main">
  <authors>
    <author>user</author>
  </authors>
  <commentList>
    <comment ref="K7" authorId="0" shapeId="0">
      <text>
        <r>
          <rPr>
            <b/>
            <sz val="9"/>
            <color indexed="81"/>
            <rFont val="ＭＳ Ｐゴシック"/>
            <family val="3"/>
            <charset val="128"/>
          </rPr>
          <t>「評価結果」欄の選択肢
１　不備なし
２　不備あり
３　重大な不備あり
４　当該リスクの扱いなし</t>
        </r>
      </text>
    </comment>
  </commentList>
</comments>
</file>

<file path=xl/sharedStrings.xml><?xml version="1.0" encoding="utf-8"?>
<sst xmlns="http://schemas.openxmlformats.org/spreadsheetml/2006/main" count="923" uniqueCount="709">
  <si>
    <t>リスクの内容</t>
    <phoneticPr fontId="1"/>
  </si>
  <si>
    <t>リスク
記載日</t>
    <phoneticPr fontId="1"/>
  </si>
  <si>
    <t>評価結果</t>
    <rPh sb="0" eb="2">
      <t>ヒョウカ</t>
    </rPh>
    <rPh sb="2" eb="4">
      <t>ケッカ</t>
    </rPh>
    <phoneticPr fontId="1"/>
  </si>
  <si>
    <t>制度所管所属</t>
    <rPh sb="0" eb="2">
      <t>セイド</t>
    </rPh>
    <rPh sb="2" eb="4">
      <t>ショカン</t>
    </rPh>
    <rPh sb="4" eb="6">
      <t>ショゾク</t>
    </rPh>
    <phoneticPr fontId="1"/>
  </si>
  <si>
    <t>全所属</t>
    <rPh sb="0" eb="1">
      <t>ゼン</t>
    </rPh>
    <rPh sb="1" eb="3">
      <t>ショゾク</t>
    </rPh>
    <phoneticPr fontId="1"/>
  </si>
  <si>
    <t>既存の取組</t>
    <rPh sb="0" eb="2">
      <t>キゾン</t>
    </rPh>
    <rPh sb="3" eb="5">
      <t>トリクミ</t>
    </rPh>
    <phoneticPr fontId="1"/>
  </si>
  <si>
    <t>・実施方針通知
・不祥事防止研修
・個人点検シート</t>
    <rPh sb="1" eb="3">
      <t>ジッシ</t>
    </rPh>
    <rPh sb="3" eb="5">
      <t>ホウシン</t>
    </rPh>
    <rPh sb="5" eb="7">
      <t>ツウチ</t>
    </rPh>
    <rPh sb="9" eb="12">
      <t>フショウジ</t>
    </rPh>
    <rPh sb="12" eb="14">
      <t>ボウシ</t>
    </rPh>
    <rPh sb="14" eb="16">
      <t>ケンシュウ</t>
    </rPh>
    <rPh sb="18" eb="20">
      <t>コジン</t>
    </rPh>
    <rPh sb="20" eb="22">
      <t>テンケン</t>
    </rPh>
    <phoneticPr fontId="1"/>
  </si>
  <si>
    <t>区分</t>
    <rPh sb="0" eb="2">
      <t>クブン</t>
    </rPh>
    <phoneticPr fontId="1"/>
  </si>
  <si>
    <t>情報管理</t>
    <rPh sb="0" eb="2">
      <t>ジョウホウ</t>
    </rPh>
    <rPh sb="2" eb="4">
      <t>カンリ</t>
    </rPh>
    <phoneticPr fontId="1"/>
  </si>
  <si>
    <t>その他</t>
    <rPh sb="2" eb="3">
      <t>タ</t>
    </rPh>
    <phoneticPr fontId="1"/>
  </si>
  <si>
    <t>リスク
No.</t>
    <phoneticPr fontId="1"/>
  </si>
  <si>
    <t>〇適正な文書管理の重要性を確認し、公文書管理のあり方の見直し状況を踏まえ、適切な文書管理の徹底を図る。
〇財産管理システムのファイル添付機能等を活用した図面や情報の管理、引継ぎを徹底する。
〇研修により、周知徹底を図る。</t>
    <phoneticPr fontId="1"/>
  </si>
  <si>
    <t>財務</t>
    <rPh sb="0" eb="2">
      <t>ザイム</t>
    </rPh>
    <phoneticPr fontId="1"/>
  </si>
  <si>
    <t>入札執行
(依頼）所属</t>
    <rPh sb="6" eb="8">
      <t>イライ</t>
    </rPh>
    <phoneticPr fontId="1"/>
  </si>
  <si>
    <t>入札執行所属</t>
    <rPh sb="0" eb="2">
      <t>ニュウサツ</t>
    </rPh>
    <rPh sb="2" eb="4">
      <t>シッコウ</t>
    </rPh>
    <rPh sb="4" eb="6">
      <t>ショゾク</t>
    </rPh>
    <phoneticPr fontId="1"/>
  </si>
  <si>
    <t>財産管理者</t>
    <rPh sb="0" eb="2">
      <t>ザイサン</t>
    </rPh>
    <rPh sb="2" eb="4">
      <t>カンリ</t>
    </rPh>
    <rPh sb="4" eb="5">
      <t>シャ</t>
    </rPh>
    <phoneticPr fontId="1"/>
  </si>
  <si>
    <t>財産管理者</t>
    <rPh sb="0" eb="4">
      <t>ザイサンカンリ</t>
    </rPh>
    <rPh sb="4" eb="5">
      <t>シャ</t>
    </rPh>
    <phoneticPr fontId="1"/>
  </si>
  <si>
    <t>庁舎管理者</t>
    <rPh sb="0" eb="2">
      <t>チョウシャ</t>
    </rPh>
    <rPh sb="2" eb="5">
      <t>カンリシャ</t>
    </rPh>
    <phoneticPr fontId="1"/>
  </si>
  <si>
    <t>支出命令額の誤り</t>
  </si>
  <si>
    <t>支払手続の遅れ</t>
  </si>
  <si>
    <t>預け金、差し替え、一括払い等</t>
  </si>
  <si>
    <t>契約締結前の履行</t>
  </si>
  <si>
    <t>入札設計金額の誤り</t>
    <rPh sb="2" eb="4">
      <t>セッケイ</t>
    </rPh>
    <rPh sb="4" eb="6">
      <t>キンガク</t>
    </rPh>
    <phoneticPr fontId="1"/>
  </si>
  <si>
    <t>入札公告の誤り</t>
    <rPh sb="0" eb="2">
      <t>ニュウサツ</t>
    </rPh>
    <rPh sb="2" eb="4">
      <t>コウコク</t>
    </rPh>
    <rPh sb="5" eb="6">
      <t>アヤマ</t>
    </rPh>
    <phoneticPr fontId="1"/>
  </si>
  <si>
    <t>入札予定価格、最低制限価格の誤り</t>
    <rPh sb="2" eb="4">
      <t>ヨテイ</t>
    </rPh>
    <rPh sb="4" eb="6">
      <t>カカク</t>
    </rPh>
    <rPh sb="7" eb="9">
      <t>サイテイ</t>
    </rPh>
    <rPh sb="9" eb="11">
      <t>セイゲン</t>
    </rPh>
    <rPh sb="11" eb="13">
      <t>カカク</t>
    </rPh>
    <phoneticPr fontId="1"/>
  </si>
  <si>
    <t>不適切な重要物品の管理</t>
    <rPh sb="0" eb="3">
      <t>フテキセツ</t>
    </rPh>
    <rPh sb="4" eb="6">
      <t>ジュウヨウ</t>
    </rPh>
    <rPh sb="6" eb="8">
      <t>ブッピン</t>
    </rPh>
    <rPh sb="9" eb="11">
      <t>カンリ</t>
    </rPh>
    <phoneticPr fontId="1"/>
  </si>
  <si>
    <t>不適切な境界管理</t>
    <rPh sb="0" eb="3">
      <t>フテキセツ</t>
    </rPh>
    <rPh sb="6" eb="8">
      <t>カンリ</t>
    </rPh>
    <phoneticPr fontId="1"/>
  </si>
  <si>
    <t>不適切な建物、工作物、立木の維持・安全管理</t>
    <rPh sb="0" eb="3">
      <t>フテキセツ</t>
    </rPh>
    <rPh sb="4" eb="6">
      <t>タテモノ</t>
    </rPh>
    <rPh sb="7" eb="10">
      <t>コウサクブツ</t>
    </rPh>
    <rPh sb="11" eb="13">
      <t>リュウボク</t>
    </rPh>
    <rPh sb="14" eb="16">
      <t>イジ</t>
    </rPh>
    <rPh sb="17" eb="19">
      <t>アンゼン</t>
    </rPh>
    <rPh sb="19" eb="21">
      <t>カンリ</t>
    </rPh>
    <phoneticPr fontId="1"/>
  </si>
  <si>
    <t>消防用設備等の点検の漏れ、誤り</t>
    <rPh sb="0" eb="2">
      <t>ショウボウ</t>
    </rPh>
    <rPh sb="2" eb="3">
      <t>ヨウ</t>
    </rPh>
    <rPh sb="3" eb="5">
      <t>セツビ</t>
    </rPh>
    <rPh sb="5" eb="6">
      <t>トウ</t>
    </rPh>
    <rPh sb="7" eb="9">
      <t>テンケン</t>
    </rPh>
    <rPh sb="10" eb="11">
      <t>モ</t>
    </rPh>
    <rPh sb="13" eb="14">
      <t>アヤマ</t>
    </rPh>
    <phoneticPr fontId="1"/>
  </si>
  <si>
    <t>不適切なアスベスト管理</t>
    <rPh sb="0" eb="3">
      <t>フテキセツ</t>
    </rPh>
    <rPh sb="9" eb="11">
      <t>カンリ</t>
    </rPh>
    <phoneticPr fontId="1"/>
  </si>
  <si>
    <t>不適切な庁内保安管理</t>
    <rPh sb="0" eb="3">
      <t>フテキセツ</t>
    </rPh>
    <rPh sb="4" eb="5">
      <t>チョウ</t>
    </rPh>
    <rPh sb="5" eb="6">
      <t>ナイ</t>
    </rPh>
    <rPh sb="6" eb="8">
      <t>ホアン</t>
    </rPh>
    <rPh sb="8" eb="10">
      <t>カンリ</t>
    </rPh>
    <phoneticPr fontId="1"/>
  </si>
  <si>
    <t>財産手続の漏れ、誤り</t>
    <rPh sb="0" eb="2">
      <t>ザイサン</t>
    </rPh>
    <rPh sb="2" eb="4">
      <t>テツヅ</t>
    </rPh>
    <rPh sb="5" eb="6">
      <t>モ</t>
    </rPh>
    <rPh sb="8" eb="9">
      <t>アヤマ</t>
    </rPh>
    <phoneticPr fontId="1"/>
  </si>
  <si>
    <t>無体財産権の利用許諾手続の誤り、漏れ</t>
    <rPh sb="6" eb="8">
      <t>リヨウ</t>
    </rPh>
    <rPh sb="8" eb="10">
      <t>キョダク</t>
    </rPh>
    <rPh sb="13" eb="14">
      <t>アヤマ</t>
    </rPh>
    <rPh sb="16" eb="17">
      <t>モ</t>
    </rPh>
    <phoneticPr fontId="1"/>
  </si>
  <si>
    <t>県有財産台帳への登録の漏れ、誤り</t>
    <rPh sb="0" eb="2">
      <t>ケンユウ</t>
    </rPh>
    <rPh sb="2" eb="4">
      <t>ザイサン</t>
    </rPh>
    <rPh sb="4" eb="6">
      <t>ダイチョウ</t>
    </rPh>
    <rPh sb="8" eb="10">
      <t>トウロク</t>
    </rPh>
    <rPh sb="11" eb="12">
      <t>モ</t>
    </rPh>
    <rPh sb="14" eb="15">
      <t>アヤマ</t>
    </rPh>
    <phoneticPr fontId="1"/>
  </si>
  <si>
    <t>建築基準法に基づく定期点検・要是正工事の実施漏れ</t>
    <phoneticPr fontId="1"/>
  </si>
  <si>
    <t>コンピュータウィルス感染</t>
    <phoneticPr fontId="1"/>
  </si>
  <si>
    <t>私物機器等の使用</t>
    <rPh sb="0" eb="2">
      <t>シブツ</t>
    </rPh>
    <rPh sb="2" eb="4">
      <t>キキ</t>
    </rPh>
    <rPh sb="4" eb="5">
      <t>トウ</t>
    </rPh>
    <rPh sb="6" eb="8">
      <t>シヨウ</t>
    </rPh>
    <phoneticPr fontId="1"/>
  </si>
  <si>
    <t>サポート切れソフトウェア使用</t>
    <rPh sb="4" eb="5">
      <t>キ</t>
    </rPh>
    <rPh sb="12" eb="14">
      <t>シヨウ</t>
    </rPh>
    <phoneticPr fontId="1"/>
  </si>
  <si>
    <t>ソフトウェアの不正使用・コピー</t>
    <phoneticPr fontId="1"/>
  </si>
  <si>
    <t>内部不正による情報漏えい</t>
    <rPh sb="0" eb="2">
      <t>ナイブ</t>
    </rPh>
    <rPh sb="2" eb="4">
      <t>フセイ</t>
    </rPh>
    <rPh sb="7" eb="9">
      <t>ジョウホウ</t>
    </rPh>
    <rPh sb="9" eb="10">
      <t>ロウ</t>
    </rPh>
    <phoneticPr fontId="1"/>
  </si>
  <si>
    <t>パソコンの画面ロック不徹底</t>
    <rPh sb="5" eb="7">
      <t>ガメン</t>
    </rPh>
    <rPh sb="10" eb="13">
      <t>フテッテイ</t>
    </rPh>
    <phoneticPr fontId="1"/>
  </si>
  <si>
    <t>マイナンバーの漏えい・紛失</t>
    <rPh sb="7" eb="8">
      <t>ロウ</t>
    </rPh>
    <rPh sb="11" eb="13">
      <t>フンシツ</t>
    </rPh>
    <phoneticPr fontId="1"/>
  </si>
  <si>
    <t>電子メール、ファクシミリ、郵便の誤送信</t>
    <rPh sb="13" eb="15">
      <t>ユウビン</t>
    </rPh>
    <phoneticPr fontId="1"/>
  </si>
  <si>
    <t>認証情報の不適正管理</t>
    <rPh sb="0" eb="2">
      <t>ニンショウ</t>
    </rPh>
    <rPh sb="2" eb="4">
      <t>ジョウホウ</t>
    </rPh>
    <rPh sb="5" eb="8">
      <t>フテキセイ</t>
    </rPh>
    <rPh sb="8" eb="10">
      <t>カンリ</t>
    </rPh>
    <phoneticPr fontId="1"/>
  </si>
  <si>
    <t>アクセス権の不適正管理</t>
    <rPh sb="4" eb="5">
      <t>ケン</t>
    </rPh>
    <rPh sb="6" eb="9">
      <t>フテキセイ</t>
    </rPh>
    <rPh sb="9" eb="11">
      <t>カンリ</t>
    </rPh>
    <phoneticPr fontId="1"/>
  </si>
  <si>
    <t>機器等の紛失</t>
    <rPh sb="0" eb="2">
      <t>キキ</t>
    </rPh>
    <rPh sb="2" eb="3">
      <t>トウ</t>
    </rPh>
    <rPh sb="4" eb="6">
      <t>フンシツ</t>
    </rPh>
    <phoneticPr fontId="1"/>
  </si>
  <si>
    <t>セクハラ・パワハラ</t>
    <phoneticPr fontId="1"/>
  </si>
  <si>
    <t>旅費の不正受給</t>
    <rPh sb="0" eb="2">
      <t>リョヒ</t>
    </rPh>
    <rPh sb="3" eb="5">
      <t>フセイ</t>
    </rPh>
    <rPh sb="5" eb="7">
      <t>ジュキュウ</t>
    </rPh>
    <phoneticPr fontId="1"/>
  </si>
  <si>
    <t>通勤手当の不正受給</t>
    <rPh sb="0" eb="2">
      <t>ツウキン</t>
    </rPh>
    <phoneticPr fontId="1"/>
  </si>
  <si>
    <t>所属での公印（印影を刷り込むもの、事前押印を含む）の不適切な管理</t>
    <phoneticPr fontId="1"/>
  </si>
  <si>
    <r>
      <t>誤記載、誤掲載</t>
    </r>
    <r>
      <rPr>
        <strike/>
        <sz val="12"/>
        <color rgb="FFFF0000"/>
        <rFont val="ＭＳ 明朝"/>
        <family val="1"/>
        <charset val="128"/>
      </rPr>
      <t/>
    </r>
    <rPh sb="0" eb="1">
      <t>ゴ</t>
    </rPh>
    <rPh sb="1" eb="3">
      <t>キサイ</t>
    </rPh>
    <rPh sb="4" eb="5">
      <t>アヤマ</t>
    </rPh>
    <rPh sb="5" eb="7">
      <t>ケイサイ</t>
    </rPh>
    <phoneticPr fontId="4"/>
  </si>
  <si>
    <t>重要書類の紛失・誤廃棄</t>
    <rPh sb="0" eb="4">
      <t>ジュウヨウショルイ</t>
    </rPh>
    <rPh sb="5" eb="7">
      <t>フンシツ</t>
    </rPh>
    <rPh sb="8" eb="9">
      <t>ゴ</t>
    </rPh>
    <rPh sb="9" eb="11">
      <t>ハイキ</t>
    </rPh>
    <phoneticPr fontId="4"/>
  </si>
  <si>
    <t>申請書等の未処理</t>
    <rPh sb="0" eb="3">
      <t>シンセイショ</t>
    </rPh>
    <rPh sb="3" eb="4">
      <t>トウ</t>
    </rPh>
    <rPh sb="5" eb="8">
      <t>ミショリ</t>
    </rPh>
    <phoneticPr fontId="4"/>
  </si>
  <si>
    <t>〇支出命令票の審査においては複数職員の目で金額の内容を確認する。
〇見積書、契約書、請求書等の支出命令額の根拠となる関係書類との確認を行う。
〇支出命令に当たり、検査調書など債務が確定していることを証明する書類により、確実に履行がされていることを確認する。
〇「源泉徴収のあらまし」「源泉徴収税額表」等により根拠を確認する。
〇戻入に係る伺の起案に当たり、必要事項の確認と関係書類の添付を行う。</t>
    <rPh sb="1" eb="3">
      <t>シシュツ</t>
    </rPh>
    <rPh sb="3" eb="5">
      <t>メイレイ</t>
    </rPh>
    <rPh sb="5" eb="6">
      <t>ヒョウ</t>
    </rPh>
    <rPh sb="7" eb="9">
      <t>シンサ</t>
    </rPh>
    <rPh sb="19" eb="20">
      <t>メ</t>
    </rPh>
    <rPh sb="21" eb="23">
      <t>キンガク</t>
    </rPh>
    <rPh sb="24" eb="26">
      <t>ナイヨウ</t>
    </rPh>
    <rPh sb="27" eb="29">
      <t>カクニン</t>
    </rPh>
    <rPh sb="34" eb="37">
      <t>ミツモリショ</t>
    </rPh>
    <rPh sb="38" eb="41">
      <t>ケイヤクショ</t>
    </rPh>
    <rPh sb="42" eb="46">
      <t>セイキュウショナド</t>
    </rPh>
    <rPh sb="47" eb="49">
      <t>シシュツ</t>
    </rPh>
    <rPh sb="49" eb="51">
      <t>メイレイ</t>
    </rPh>
    <rPh sb="51" eb="52">
      <t>ガク</t>
    </rPh>
    <rPh sb="53" eb="55">
      <t>コンキョ</t>
    </rPh>
    <rPh sb="58" eb="60">
      <t>カンケイ</t>
    </rPh>
    <rPh sb="60" eb="62">
      <t>ショルイ</t>
    </rPh>
    <rPh sb="64" eb="66">
      <t>カクニン</t>
    </rPh>
    <rPh sb="67" eb="68">
      <t>オコナ</t>
    </rPh>
    <phoneticPr fontId="4"/>
  </si>
  <si>
    <t>〇進行管理表等による進行管理を行う。
○相手方から請求書を受領した時は支払遅延防止法に定める期日を複数職員で確認する。</t>
    <rPh sb="15" eb="16">
      <t>オコナ</t>
    </rPh>
    <rPh sb="20" eb="22">
      <t>アイテ</t>
    </rPh>
    <rPh sb="22" eb="23">
      <t>カタ</t>
    </rPh>
    <rPh sb="25" eb="28">
      <t>セイキュウショ</t>
    </rPh>
    <rPh sb="29" eb="31">
      <t>ジュリョウ</t>
    </rPh>
    <rPh sb="33" eb="34">
      <t>トキ</t>
    </rPh>
    <rPh sb="35" eb="37">
      <t>シハライ</t>
    </rPh>
    <rPh sb="37" eb="39">
      <t>チエン</t>
    </rPh>
    <rPh sb="39" eb="42">
      <t>ボウシホウ</t>
    </rPh>
    <rPh sb="43" eb="44">
      <t>サダ</t>
    </rPh>
    <rPh sb="46" eb="48">
      <t>キジツ</t>
    </rPh>
    <rPh sb="54" eb="56">
      <t>カクニン</t>
    </rPh>
    <phoneticPr fontId="1"/>
  </si>
  <si>
    <t>〇契約の目的に沿った内容が履行されていることを複数職員で確認する。</t>
    <rPh sb="1" eb="3">
      <t>ケイヤク</t>
    </rPh>
    <rPh sb="4" eb="6">
      <t>モクテキ</t>
    </rPh>
    <rPh sb="7" eb="8">
      <t>ソ</t>
    </rPh>
    <rPh sb="10" eb="12">
      <t>ナイヨウ</t>
    </rPh>
    <rPh sb="13" eb="15">
      <t>リコウ</t>
    </rPh>
    <rPh sb="23" eb="25">
      <t>フクスウ</t>
    </rPh>
    <rPh sb="25" eb="27">
      <t>ショクイン</t>
    </rPh>
    <rPh sb="28" eb="30">
      <t>カクニン</t>
    </rPh>
    <phoneticPr fontId="4"/>
  </si>
  <si>
    <t>〇進行管理表等による進行管理を行う。
○事業担当者と会計担当者の連絡を密にして事務処理を行う。</t>
    <rPh sb="15" eb="16">
      <t>オコナ</t>
    </rPh>
    <rPh sb="20" eb="22">
      <t>ジギョウ</t>
    </rPh>
    <rPh sb="22" eb="25">
      <t>タントウシャ</t>
    </rPh>
    <rPh sb="26" eb="28">
      <t>カイケイ</t>
    </rPh>
    <rPh sb="28" eb="31">
      <t>タントウシャ</t>
    </rPh>
    <rPh sb="32" eb="34">
      <t>レンラク</t>
    </rPh>
    <rPh sb="35" eb="36">
      <t>ミツ</t>
    </rPh>
    <rPh sb="39" eb="41">
      <t>ジム</t>
    </rPh>
    <rPh sb="41" eb="43">
      <t>ショリ</t>
    </rPh>
    <rPh sb="44" eb="45">
      <t>オコナ</t>
    </rPh>
    <phoneticPr fontId="1"/>
  </si>
  <si>
    <t>○最低制限価格の設定を含め、グループリーダーを含めた複数の職員で入札対象案件の積算内容の確認を行う。</t>
    <rPh sb="1" eb="7">
      <t>サイテイセイゲンカカク</t>
    </rPh>
    <rPh sb="8" eb="10">
      <t>セッテイ</t>
    </rPh>
    <rPh sb="11" eb="12">
      <t>フク</t>
    </rPh>
    <rPh sb="23" eb="24">
      <t>フク</t>
    </rPh>
    <rPh sb="26" eb="28">
      <t>フクスウ</t>
    </rPh>
    <rPh sb="41" eb="43">
      <t>ナイヨウ</t>
    </rPh>
    <rPh sb="44" eb="46">
      <t>カクニン</t>
    </rPh>
    <rPh sb="47" eb="48">
      <t>オコナ</t>
    </rPh>
    <phoneticPr fontId="4"/>
  </si>
  <si>
    <t>○入札公告を行う際、グループリーダーを含めた複数の職員で公開内容と添付書類の確認を行う。</t>
    <rPh sb="1" eb="3">
      <t>ニュウサツ</t>
    </rPh>
    <rPh sb="3" eb="5">
      <t>コウコク</t>
    </rPh>
    <rPh sb="6" eb="7">
      <t>オコナ</t>
    </rPh>
    <rPh sb="8" eb="9">
      <t>サイ</t>
    </rPh>
    <rPh sb="28" eb="30">
      <t>コウカイ</t>
    </rPh>
    <rPh sb="30" eb="32">
      <t>ナイヨウ</t>
    </rPh>
    <rPh sb="33" eb="35">
      <t>テンプ</t>
    </rPh>
    <rPh sb="35" eb="37">
      <t>ショルイ</t>
    </rPh>
    <rPh sb="38" eb="40">
      <t>カクニン</t>
    </rPh>
    <rPh sb="41" eb="42">
      <t>オコナ</t>
    </rPh>
    <phoneticPr fontId="1"/>
  </si>
  <si>
    <t>〇年1回実施する備品の現物照合において、管理状況を確認する。
○異動の都度、台帳に適時に記録することを徹底する。
〇事業担当者(物品担当者)と会計担当者が連携して、物品の管理状況を把握する。</t>
    <rPh sb="1" eb="2">
      <t>ネン</t>
    </rPh>
    <rPh sb="3" eb="4">
      <t>カイ</t>
    </rPh>
    <rPh sb="4" eb="6">
      <t>ジッシ</t>
    </rPh>
    <rPh sb="8" eb="10">
      <t>ビヒン</t>
    </rPh>
    <rPh sb="11" eb="13">
      <t>ゲンブツ</t>
    </rPh>
    <rPh sb="13" eb="15">
      <t>ショウゴウ</t>
    </rPh>
    <rPh sb="20" eb="22">
      <t>カンリ</t>
    </rPh>
    <rPh sb="22" eb="24">
      <t>ジョウキョウ</t>
    </rPh>
    <rPh sb="25" eb="27">
      <t>カクニン</t>
    </rPh>
    <rPh sb="32" eb="34">
      <t>イドウ</t>
    </rPh>
    <rPh sb="35" eb="37">
      <t>ツド</t>
    </rPh>
    <rPh sb="38" eb="40">
      <t>ダイチョウ</t>
    </rPh>
    <rPh sb="41" eb="43">
      <t>テキジ</t>
    </rPh>
    <rPh sb="44" eb="46">
      <t>キロク</t>
    </rPh>
    <rPh sb="51" eb="53">
      <t>テッテイ</t>
    </rPh>
    <rPh sb="58" eb="60">
      <t>ジギョウ</t>
    </rPh>
    <rPh sb="60" eb="63">
      <t>タントウシャ</t>
    </rPh>
    <rPh sb="64" eb="66">
      <t>ブッピン</t>
    </rPh>
    <rPh sb="66" eb="69">
      <t>タントウシャ</t>
    </rPh>
    <rPh sb="71" eb="73">
      <t>カイケイ</t>
    </rPh>
    <rPh sb="73" eb="76">
      <t>タントウシャ</t>
    </rPh>
    <rPh sb="77" eb="79">
      <t>レンケイ</t>
    </rPh>
    <rPh sb="82" eb="84">
      <t>ブッピン</t>
    </rPh>
    <rPh sb="85" eb="87">
      <t>カンリ</t>
    </rPh>
    <rPh sb="87" eb="89">
      <t>ジョウキョウ</t>
    </rPh>
    <rPh sb="90" eb="92">
      <t>ハアク</t>
    </rPh>
    <phoneticPr fontId="4"/>
  </si>
  <si>
    <t>○県有地の境界が確定していない場合は、確定する。
〇不法占用等がないか、定期的な現地確認を行う。
〇不適切な状況が確認された場合は、すみやかに是正を行う。</t>
    <phoneticPr fontId="1"/>
  </si>
  <si>
    <t>〇定期的な現地確認を行う。
〇不適切な状況が確認された場合は、すみやかに是正を行う。</t>
    <rPh sb="1" eb="4">
      <t>テイキテキ</t>
    </rPh>
    <rPh sb="5" eb="7">
      <t>ゲンチ</t>
    </rPh>
    <rPh sb="7" eb="9">
      <t>カクニン</t>
    </rPh>
    <rPh sb="10" eb="11">
      <t>オコナ</t>
    </rPh>
    <rPh sb="15" eb="18">
      <t>フテキセツ</t>
    </rPh>
    <rPh sb="19" eb="21">
      <t>ジョウキョウ</t>
    </rPh>
    <rPh sb="22" eb="24">
      <t>カクニン</t>
    </rPh>
    <rPh sb="27" eb="29">
      <t>バアイ</t>
    </rPh>
    <rPh sb="36" eb="38">
      <t>ゼセイ</t>
    </rPh>
    <rPh sb="39" eb="40">
      <t>オコナ</t>
    </rPh>
    <phoneticPr fontId="1"/>
  </si>
  <si>
    <t>〇年１回以上建材の劣化、損傷の状況等の点検を実施し、結果をアスベスト管理台帳に記録するとともに、必要に応じ飛散防止対策を実施する。
〇人事異動、財産の管理換え時等に台帳等の引継ぎを確実に行う。</t>
    <phoneticPr fontId="1"/>
  </si>
  <si>
    <t>○研修資料等により、財産に関し必要となる手続について常日頃から理解を深める。
○人事異動、財産の管理換え等の引継ぎの際、必要となる手続を所属内で共有し、確実に行う。</t>
    <phoneticPr fontId="1"/>
  </si>
  <si>
    <t>○取得、処分、管理換え等の決裁後、決裁文書と照合の上、適時適切に台帳登録する。</t>
    <phoneticPr fontId="1"/>
  </si>
  <si>
    <t>〇建築基準法に基づく定期点検を実施し、「要是正箇所」が把握できた場合は速やかに是正工事等を実施する。</t>
    <phoneticPr fontId="1"/>
  </si>
  <si>
    <t>○個人点検シート、情報セキュリティ監査や研修により、私物の機器等を業務で利用しないよう再徹底を図る。</t>
    <rPh sb="26" eb="28">
      <t>シブツ</t>
    </rPh>
    <rPh sb="29" eb="31">
      <t>キキ</t>
    </rPh>
    <rPh sb="31" eb="32">
      <t>トウ</t>
    </rPh>
    <rPh sb="33" eb="35">
      <t>ギョウム</t>
    </rPh>
    <rPh sb="36" eb="38">
      <t>リヨウ</t>
    </rPh>
    <rPh sb="43" eb="46">
      <t>サイテッテイ</t>
    </rPh>
    <rPh sb="47" eb="48">
      <t>ハカ</t>
    </rPh>
    <phoneticPr fontId="4"/>
  </si>
  <si>
    <t>〇サポートのあるソフトウェアを利用する。
○情報セキュリティ監査や研修により、ソフトウェアを適切に管理するよう再徹底を図る。
〇所属で台帳を作成し、適正に管理する。</t>
    <rPh sb="46" eb="48">
      <t>テキセツ</t>
    </rPh>
    <rPh sb="49" eb="51">
      <t>カンリ</t>
    </rPh>
    <rPh sb="55" eb="58">
      <t>サイテッテイ</t>
    </rPh>
    <rPh sb="59" eb="60">
      <t>ハカ</t>
    </rPh>
    <rPh sb="64" eb="66">
      <t>ショゾク</t>
    </rPh>
    <rPh sb="67" eb="69">
      <t>ダイチョウ</t>
    </rPh>
    <rPh sb="70" eb="72">
      <t>サクセイ</t>
    </rPh>
    <rPh sb="74" eb="76">
      <t>テキセイ</t>
    </rPh>
    <rPh sb="77" eb="79">
      <t>カンリ</t>
    </rPh>
    <phoneticPr fontId="4"/>
  </si>
  <si>
    <t>○個人点検シート、情報セキュリティ監査や研修により、離席時には画面をロックするよう再徹底を図る。</t>
    <rPh sb="26" eb="28">
      <t>リセキ</t>
    </rPh>
    <rPh sb="28" eb="29">
      <t>ジ</t>
    </rPh>
    <rPh sb="31" eb="33">
      <t>ガメン</t>
    </rPh>
    <rPh sb="41" eb="44">
      <t>サイテッテイ</t>
    </rPh>
    <rPh sb="45" eb="46">
      <t>ハカ</t>
    </rPh>
    <phoneticPr fontId="4"/>
  </si>
  <si>
    <t>〇国からの通知を遅滞なく所属内に周知し、定期的に事務執行体制をチェックすることで、漏えい・紛失を防ぐよう努める。</t>
    <rPh sb="1" eb="2">
      <t>クニ</t>
    </rPh>
    <rPh sb="5" eb="7">
      <t>ツウチ</t>
    </rPh>
    <rPh sb="8" eb="10">
      <t>チタイ</t>
    </rPh>
    <rPh sb="12" eb="14">
      <t>ショゾク</t>
    </rPh>
    <rPh sb="14" eb="15">
      <t>ナイ</t>
    </rPh>
    <rPh sb="16" eb="18">
      <t>シュウチ</t>
    </rPh>
    <rPh sb="20" eb="23">
      <t>テイキテキ</t>
    </rPh>
    <rPh sb="24" eb="26">
      <t>ジム</t>
    </rPh>
    <rPh sb="26" eb="28">
      <t>シッコウ</t>
    </rPh>
    <rPh sb="28" eb="30">
      <t>タイセイ</t>
    </rPh>
    <rPh sb="41" eb="42">
      <t>ロウ</t>
    </rPh>
    <rPh sb="45" eb="47">
      <t>フンシツ</t>
    </rPh>
    <rPh sb="48" eb="49">
      <t>フセ</t>
    </rPh>
    <rPh sb="52" eb="53">
      <t>ツト</t>
    </rPh>
    <phoneticPr fontId="4"/>
  </si>
  <si>
    <t>○個人点検シート、情報セキュリティ監査や研修により、情報へのアクセス権を適切に設定するよう再徹底を図る。
〇重要情報にアクセスできる権限は最小限にする。
〇利便性を優先し、アクセス権を広く設定しない。</t>
    <rPh sb="26" eb="28">
      <t>ジョウホウ</t>
    </rPh>
    <rPh sb="34" eb="35">
      <t>ケン</t>
    </rPh>
    <rPh sb="36" eb="38">
      <t>テキセツ</t>
    </rPh>
    <rPh sb="39" eb="41">
      <t>セッテイ</t>
    </rPh>
    <rPh sb="45" eb="48">
      <t>サイテッテイ</t>
    </rPh>
    <rPh sb="49" eb="50">
      <t>ハカ</t>
    </rPh>
    <rPh sb="54" eb="56">
      <t>ジュウヨウ</t>
    </rPh>
    <rPh sb="56" eb="58">
      <t>ジョウホウ</t>
    </rPh>
    <rPh sb="66" eb="68">
      <t>ケンゲン</t>
    </rPh>
    <rPh sb="69" eb="72">
      <t>サイショウゲン</t>
    </rPh>
    <rPh sb="78" eb="81">
      <t>リベンセイ</t>
    </rPh>
    <rPh sb="82" eb="84">
      <t>ユウセン</t>
    </rPh>
    <rPh sb="90" eb="91">
      <t>ケン</t>
    </rPh>
    <rPh sb="92" eb="93">
      <t>ヒロ</t>
    </rPh>
    <rPh sb="94" eb="96">
      <t>セッテイ</t>
    </rPh>
    <phoneticPr fontId="4"/>
  </si>
  <si>
    <t>○個人点検シート、情報セキュリティ監査や研修により、機器等の紛失が発生しないよう再徹底を図る。
〇所属で台帳を作成し、適正に管理する。
〇紛失した場合の技術的対策を講じる。</t>
    <rPh sb="26" eb="28">
      <t>キキ</t>
    </rPh>
    <rPh sb="28" eb="29">
      <t>トウ</t>
    </rPh>
    <rPh sb="30" eb="32">
      <t>フンシツ</t>
    </rPh>
    <rPh sb="33" eb="35">
      <t>ハッセイ</t>
    </rPh>
    <rPh sb="40" eb="43">
      <t>サイテッテイ</t>
    </rPh>
    <rPh sb="44" eb="45">
      <t>ハカ</t>
    </rPh>
    <phoneticPr fontId="4"/>
  </si>
  <si>
    <t>〇外部記録媒体利用制御システムを利用した、適正な外部記録媒体等の利用を徹底する。
〇所属で管理する外部記録媒体以外は利用しない。
〇職員まかせではなく所属としての管理を徹底する。
〇個人点検シート、情報セキュリティ監査や研修により繰り返し指導する。</t>
    <rPh sb="1" eb="3">
      <t>ガイブ</t>
    </rPh>
    <rPh sb="3" eb="5">
      <t>キロク</t>
    </rPh>
    <rPh sb="5" eb="7">
      <t>バイタイ</t>
    </rPh>
    <rPh sb="7" eb="9">
      <t>リヨウ</t>
    </rPh>
    <rPh sb="9" eb="11">
      <t>セイギョ</t>
    </rPh>
    <rPh sb="16" eb="18">
      <t>リヨウ</t>
    </rPh>
    <rPh sb="21" eb="23">
      <t>テキセイ</t>
    </rPh>
    <rPh sb="24" eb="26">
      <t>ガイブ</t>
    </rPh>
    <rPh sb="26" eb="28">
      <t>キロク</t>
    </rPh>
    <rPh sb="28" eb="30">
      <t>バイタイ</t>
    </rPh>
    <rPh sb="30" eb="31">
      <t>ナド</t>
    </rPh>
    <rPh sb="32" eb="34">
      <t>リヨウ</t>
    </rPh>
    <rPh sb="35" eb="37">
      <t>テッテイ</t>
    </rPh>
    <rPh sb="66" eb="68">
      <t>ショクイン</t>
    </rPh>
    <rPh sb="75" eb="77">
      <t>ショゾク</t>
    </rPh>
    <rPh sb="81" eb="83">
      <t>カンリ</t>
    </rPh>
    <rPh sb="84" eb="86">
      <t>テッテイ</t>
    </rPh>
    <rPh sb="91" eb="93">
      <t>コジン</t>
    </rPh>
    <rPh sb="93" eb="95">
      <t>テンケン</t>
    </rPh>
    <rPh sb="115" eb="116">
      <t>ク</t>
    </rPh>
    <rPh sb="117" eb="118">
      <t>カエ</t>
    </rPh>
    <rPh sb="119" eb="121">
      <t>シドウ</t>
    </rPh>
    <phoneticPr fontId="4"/>
  </si>
  <si>
    <t>〇管理監督者による適切な職員管理
〇不祥事防止に係る研修及び点検の実施</t>
    <rPh sb="1" eb="3">
      <t>カンリ</t>
    </rPh>
    <rPh sb="3" eb="5">
      <t>カントク</t>
    </rPh>
    <rPh sb="5" eb="6">
      <t>シャ</t>
    </rPh>
    <rPh sb="9" eb="11">
      <t>テキセツ</t>
    </rPh>
    <rPh sb="12" eb="14">
      <t>ショクイン</t>
    </rPh>
    <rPh sb="14" eb="16">
      <t>カンリ</t>
    </rPh>
    <rPh sb="18" eb="21">
      <t>フショウジ</t>
    </rPh>
    <rPh sb="21" eb="23">
      <t>ボウシ</t>
    </rPh>
    <rPh sb="24" eb="25">
      <t>カカ</t>
    </rPh>
    <rPh sb="26" eb="28">
      <t>ケンシュウ</t>
    </rPh>
    <rPh sb="28" eb="29">
      <t>オヨ</t>
    </rPh>
    <rPh sb="30" eb="32">
      <t>テンケン</t>
    </rPh>
    <rPh sb="33" eb="35">
      <t>ジッシ</t>
    </rPh>
    <phoneticPr fontId="1"/>
  </si>
  <si>
    <t>〇命令権者による適切な職員管理
〇不祥事防止に係る研修及び点検の実施</t>
    <rPh sb="1" eb="3">
      <t>メイレイ</t>
    </rPh>
    <rPh sb="3" eb="4">
      <t>ケン</t>
    </rPh>
    <rPh sb="4" eb="5">
      <t>シャ</t>
    </rPh>
    <rPh sb="8" eb="10">
      <t>テキセツ</t>
    </rPh>
    <rPh sb="11" eb="13">
      <t>ショクイン</t>
    </rPh>
    <rPh sb="13" eb="15">
      <t>カンリ</t>
    </rPh>
    <rPh sb="17" eb="20">
      <t>フショウジ</t>
    </rPh>
    <rPh sb="20" eb="22">
      <t>ボウシ</t>
    </rPh>
    <rPh sb="23" eb="24">
      <t>カカ</t>
    </rPh>
    <rPh sb="25" eb="27">
      <t>ケンシュウ</t>
    </rPh>
    <rPh sb="27" eb="28">
      <t>オヨ</t>
    </rPh>
    <rPh sb="29" eb="31">
      <t>テンケン</t>
    </rPh>
    <rPh sb="32" eb="34">
      <t>ジッシ</t>
    </rPh>
    <phoneticPr fontId="1"/>
  </si>
  <si>
    <t>〇通勤手当支給職員に係る通勤方法の現況確認の実施</t>
    <rPh sb="1" eb="3">
      <t>ツウキン</t>
    </rPh>
    <rPh sb="3" eb="5">
      <t>テアテ</t>
    </rPh>
    <rPh sb="5" eb="7">
      <t>シキュウ</t>
    </rPh>
    <rPh sb="7" eb="9">
      <t>ショクイン</t>
    </rPh>
    <rPh sb="10" eb="11">
      <t>カカ</t>
    </rPh>
    <rPh sb="12" eb="14">
      <t>ツウキン</t>
    </rPh>
    <rPh sb="14" eb="16">
      <t>ホウホウ</t>
    </rPh>
    <rPh sb="17" eb="19">
      <t>ゲンキョウ</t>
    </rPh>
    <rPh sb="19" eb="21">
      <t>カクニン</t>
    </rPh>
    <rPh sb="22" eb="24">
      <t>ジッシ</t>
    </rPh>
    <phoneticPr fontId="1"/>
  </si>
  <si>
    <t>○文書課ホームページに記載の規程やマニュアルを参考に、管理の環境を整える。
○事前押印については、月末に施行管理簿の数字と枚数が一致しているか確認を行う。</t>
    <phoneticPr fontId="1"/>
  </si>
  <si>
    <t>〇決裁中に修正が入った資料を「浄書」しているかなど、ダブルチェックの方法や作業手順自体に改善できる点がないか見直しを行う。
〇当事者意識を持ったダブルチェックや作業手順遵守の重要性を確認し、徹底を図る。</t>
    <rPh sb="41" eb="43">
      <t>ジタイ</t>
    </rPh>
    <phoneticPr fontId="4"/>
  </si>
  <si>
    <t>〇早期の報告・連絡・相談の重要性を周知し、朝夕ミーティングなどを活用した情報共有の徹底を図る。
〇報告・連絡・相談を怠ったことにより、問題の影響が大きくなることがあることを認識し、報告も業務の一環であるとの意識の徹底を図る。</t>
  </si>
  <si>
    <t>〇会計ナビにより全庁に周知徹底を図る。
〇会計担当者、事業担当者等、職員の階層に合わせた研修により、周知徹底を図る。
〇会計事務検査等を実施し、各所属の状況を確認する。</t>
    <rPh sb="1" eb="3">
      <t>カイケイ</t>
    </rPh>
    <rPh sb="8" eb="10">
      <t>ゼンチョウ</t>
    </rPh>
    <rPh sb="11" eb="13">
      <t>シュウチ</t>
    </rPh>
    <rPh sb="13" eb="15">
      <t>テッテイ</t>
    </rPh>
    <rPh sb="16" eb="17">
      <t>ハカ</t>
    </rPh>
    <rPh sb="21" eb="23">
      <t>カイケイ</t>
    </rPh>
    <rPh sb="23" eb="26">
      <t>タントウシャ</t>
    </rPh>
    <rPh sb="27" eb="29">
      <t>ジギョウ</t>
    </rPh>
    <rPh sb="29" eb="32">
      <t>タントウシャ</t>
    </rPh>
    <rPh sb="32" eb="33">
      <t>トウ</t>
    </rPh>
    <rPh sb="34" eb="36">
      <t>ショクイン</t>
    </rPh>
    <rPh sb="37" eb="39">
      <t>カイソウ</t>
    </rPh>
    <rPh sb="40" eb="41">
      <t>ア</t>
    </rPh>
    <rPh sb="44" eb="46">
      <t>ケンシュウ</t>
    </rPh>
    <rPh sb="50" eb="52">
      <t>シュウチ</t>
    </rPh>
    <rPh sb="52" eb="54">
      <t>テッテイ</t>
    </rPh>
    <rPh sb="55" eb="56">
      <t>ハカ</t>
    </rPh>
    <rPh sb="60" eb="62">
      <t>カイケイ</t>
    </rPh>
    <rPh sb="62" eb="64">
      <t>ジム</t>
    </rPh>
    <rPh sb="64" eb="66">
      <t>ケンサ</t>
    </rPh>
    <rPh sb="66" eb="67">
      <t>トウ</t>
    </rPh>
    <rPh sb="68" eb="70">
      <t>ジッシ</t>
    </rPh>
    <rPh sb="72" eb="75">
      <t>カクショゾク</t>
    </rPh>
    <rPh sb="76" eb="78">
      <t>ジョウキョウ</t>
    </rPh>
    <rPh sb="79" eb="81">
      <t>カクニン</t>
    </rPh>
    <phoneticPr fontId="1"/>
  </si>
  <si>
    <t>〇会計ナビにより全庁に周知徹底を図る。
〇会計担当者、事業担当者等、職員の階層に合わせた研修により、周知徹底を図る。
〇会計事務検査等を実施し、各所属の状況を確認する。</t>
    <rPh sb="1" eb="3">
      <t>カイケイ</t>
    </rPh>
    <rPh sb="21" eb="23">
      <t>カイケイ</t>
    </rPh>
    <rPh sb="23" eb="26">
      <t>タントウシャ</t>
    </rPh>
    <rPh sb="27" eb="29">
      <t>ジギョウ</t>
    </rPh>
    <rPh sb="29" eb="32">
      <t>タントウシャ</t>
    </rPh>
    <rPh sb="32" eb="33">
      <t>トウ</t>
    </rPh>
    <rPh sb="34" eb="36">
      <t>ショクイン</t>
    </rPh>
    <rPh sb="37" eb="39">
      <t>カイソウ</t>
    </rPh>
    <rPh sb="40" eb="41">
      <t>ア</t>
    </rPh>
    <rPh sb="44" eb="46">
      <t>ケンシュウ</t>
    </rPh>
    <rPh sb="50" eb="52">
      <t>シュウチ</t>
    </rPh>
    <rPh sb="52" eb="54">
      <t>テッテイ</t>
    </rPh>
    <rPh sb="55" eb="56">
      <t>ハカ</t>
    </rPh>
    <rPh sb="60" eb="62">
      <t>カイケイ</t>
    </rPh>
    <rPh sb="62" eb="64">
      <t>ジム</t>
    </rPh>
    <rPh sb="64" eb="66">
      <t>ケンサ</t>
    </rPh>
    <rPh sb="66" eb="67">
      <t>トウ</t>
    </rPh>
    <rPh sb="68" eb="70">
      <t>ジッシ</t>
    </rPh>
    <rPh sb="72" eb="75">
      <t>カクショゾク</t>
    </rPh>
    <rPh sb="76" eb="78">
      <t>ジョウキョウ</t>
    </rPh>
    <rPh sb="79" eb="81">
      <t>カクニン</t>
    </rPh>
    <phoneticPr fontId="1"/>
  </si>
  <si>
    <t>〇会計ナビにより全庁に周知徹底を図る。
〇会計担当者、事業担当者等、職員の階層に合わせた研修により、周知徹底を図る。
〇会計事務検査等を実施し、各所属の状況を確認する。</t>
    <rPh sb="1" eb="3">
      <t>カイケイ</t>
    </rPh>
    <rPh sb="8" eb="10">
      <t>ゼンチョウ</t>
    </rPh>
    <rPh sb="11" eb="15">
      <t>シュウチテッテイ</t>
    </rPh>
    <rPh sb="16" eb="17">
      <t>ハカ</t>
    </rPh>
    <rPh sb="21" eb="23">
      <t>カイケイ</t>
    </rPh>
    <rPh sb="23" eb="26">
      <t>タントウシャ</t>
    </rPh>
    <rPh sb="27" eb="29">
      <t>ジギョウ</t>
    </rPh>
    <rPh sb="29" eb="32">
      <t>タントウシャ</t>
    </rPh>
    <rPh sb="32" eb="33">
      <t>トウ</t>
    </rPh>
    <rPh sb="34" eb="36">
      <t>ショクイン</t>
    </rPh>
    <rPh sb="37" eb="39">
      <t>カイソウ</t>
    </rPh>
    <rPh sb="40" eb="41">
      <t>ア</t>
    </rPh>
    <rPh sb="44" eb="46">
      <t>ケンシュウ</t>
    </rPh>
    <rPh sb="50" eb="52">
      <t>シュウチ</t>
    </rPh>
    <rPh sb="52" eb="54">
      <t>テッテイ</t>
    </rPh>
    <rPh sb="55" eb="56">
      <t>ハカ</t>
    </rPh>
    <rPh sb="60" eb="62">
      <t>カイケイ</t>
    </rPh>
    <rPh sb="62" eb="64">
      <t>ジム</t>
    </rPh>
    <rPh sb="64" eb="66">
      <t>ケンサ</t>
    </rPh>
    <rPh sb="66" eb="67">
      <t>トウ</t>
    </rPh>
    <rPh sb="68" eb="70">
      <t>ジッシ</t>
    </rPh>
    <rPh sb="72" eb="75">
      <t>カクショゾク</t>
    </rPh>
    <rPh sb="76" eb="78">
      <t>ジョウキョウ</t>
    </rPh>
    <rPh sb="79" eb="81">
      <t>カクニン</t>
    </rPh>
    <phoneticPr fontId="1"/>
  </si>
  <si>
    <t>〇会計ナビにより全庁に周知徹底を図る。
〇会計担当者、事業担当者等、職員の階層に合わせた研修により、周知徹底を図る。
〇会計事務検査等を実施し、各所属の状況を確認する。</t>
    <rPh sb="1" eb="3">
      <t>カイケイ</t>
    </rPh>
    <rPh sb="8" eb="10">
      <t>ゼンチョウ</t>
    </rPh>
    <rPh sb="16" eb="17">
      <t>ハカ</t>
    </rPh>
    <rPh sb="21" eb="23">
      <t>カイケイ</t>
    </rPh>
    <rPh sb="23" eb="26">
      <t>タントウシャ</t>
    </rPh>
    <rPh sb="27" eb="29">
      <t>ジギョウ</t>
    </rPh>
    <rPh sb="29" eb="32">
      <t>タントウシャ</t>
    </rPh>
    <rPh sb="32" eb="33">
      <t>トウ</t>
    </rPh>
    <rPh sb="34" eb="36">
      <t>ショクイン</t>
    </rPh>
    <rPh sb="37" eb="39">
      <t>カイソウ</t>
    </rPh>
    <rPh sb="40" eb="41">
      <t>ア</t>
    </rPh>
    <rPh sb="44" eb="46">
      <t>ケンシュウ</t>
    </rPh>
    <rPh sb="50" eb="52">
      <t>シュウチ</t>
    </rPh>
    <rPh sb="52" eb="54">
      <t>テッテイ</t>
    </rPh>
    <rPh sb="55" eb="56">
      <t>ハカ</t>
    </rPh>
    <rPh sb="60" eb="62">
      <t>カイケイ</t>
    </rPh>
    <rPh sb="62" eb="64">
      <t>ジム</t>
    </rPh>
    <rPh sb="64" eb="66">
      <t>ケンサ</t>
    </rPh>
    <rPh sb="66" eb="67">
      <t>トウ</t>
    </rPh>
    <rPh sb="68" eb="70">
      <t>ジッシ</t>
    </rPh>
    <rPh sb="72" eb="75">
      <t>カクショゾク</t>
    </rPh>
    <rPh sb="76" eb="78">
      <t>ジョウキョウ</t>
    </rPh>
    <rPh sb="79" eb="81">
      <t>カクニン</t>
    </rPh>
    <phoneticPr fontId="1"/>
  </si>
  <si>
    <t>〇研修により、周知徹底を図る。</t>
    <rPh sb="1" eb="3">
      <t>ケンシュウ</t>
    </rPh>
    <rPh sb="7" eb="9">
      <t>シュウチ</t>
    </rPh>
    <rPh sb="9" eb="11">
      <t>テッテイ</t>
    </rPh>
    <rPh sb="12" eb="13">
      <t>ハカ</t>
    </rPh>
    <phoneticPr fontId="1"/>
  </si>
  <si>
    <t>〇毎年の取扱い通知により、正しい取扱いを周知する。
〇研修により、周知徹底を図る。</t>
    <rPh sb="1" eb="3">
      <t>マイトシ</t>
    </rPh>
    <rPh sb="4" eb="6">
      <t>トリアツカ</t>
    </rPh>
    <rPh sb="7" eb="9">
      <t>ツウチ</t>
    </rPh>
    <rPh sb="13" eb="14">
      <t>タダ</t>
    </rPh>
    <rPh sb="16" eb="18">
      <t>トリアツカ</t>
    </rPh>
    <rPh sb="20" eb="22">
      <t>シュウチ</t>
    </rPh>
    <rPh sb="27" eb="29">
      <t>ケンシュウ</t>
    </rPh>
    <rPh sb="33" eb="35">
      <t>シュウチ</t>
    </rPh>
    <rPh sb="35" eb="37">
      <t>テッテイ</t>
    </rPh>
    <rPh sb="38" eb="39">
      <t>ハカ</t>
    </rPh>
    <phoneticPr fontId="1"/>
  </si>
  <si>
    <t>〇事務処理マニュアルにより、正しい事務処理を周知する。
〇研修により、周知徹底を図る。</t>
    <rPh sb="1" eb="3">
      <t>ジム</t>
    </rPh>
    <rPh sb="3" eb="5">
      <t>ショリ</t>
    </rPh>
    <rPh sb="14" eb="15">
      <t>タダ</t>
    </rPh>
    <rPh sb="17" eb="19">
      <t>ジム</t>
    </rPh>
    <rPh sb="19" eb="21">
      <t>ショリ</t>
    </rPh>
    <rPh sb="22" eb="24">
      <t>シュウチ</t>
    </rPh>
    <rPh sb="29" eb="31">
      <t>ケンシュウ</t>
    </rPh>
    <rPh sb="35" eb="37">
      <t>シュウチ</t>
    </rPh>
    <rPh sb="37" eb="39">
      <t>テッテイ</t>
    </rPh>
    <rPh sb="40" eb="41">
      <t>ハカ</t>
    </rPh>
    <phoneticPr fontId="1"/>
  </si>
  <si>
    <t>〇チェックシートの活用により、登録漏れや誤りがないか確認する。
〇研修により、周知徹底を図る。</t>
    <rPh sb="9" eb="11">
      <t>カツヨウ</t>
    </rPh>
    <rPh sb="15" eb="17">
      <t>トウロク</t>
    </rPh>
    <rPh sb="17" eb="18">
      <t>モ</t>
    </rPh>
    <rPh sb="20" eb="21">
      <t>アヤマ</t>
    </rPh>
    <rPh sb="26" eb="28">
      <t>カクニン</t>
    </rPh>
    <rPh sb="33" eb="35">
      <t>ケンシュウ</t>
    </rPh>
    <rPh sb="39" eb="41">
      <t>シュウチ</t>
    </rPh>
    <rPh sb="41" eb="43">
      <t>テッテイ</t>
    </rPh>
    <rPh sb="44" eb="45">
      <t>ハカ</t>
    </rPh>
    <phoneticPr fontId="1"/>
  </si>
  <si>
    <t>〇各県有施設における建築基準法に基づく定期点検の実施状況・点検結果を把握する。
〇「要是正箇所」が把握できた施設については、是正工事等の実施状況を確認する。
〇実施漏れがないよう、研修により、周知徹底を図る。</t>
    <phoneticPr fontId="1"/>
  </si>
  <si>
    <t xml:space="preserve">○情報セキュリティ監査や研修により、ソフトウェアを適切に管理するよう再徹底を図る。
</t>
    <phoneticPr fontId="1"/>
  </si>
  <si>
    <t>〇国からの通知を遅滞なく関係機関に周知するとともに、定期的に実施する監査により事務執行体制をチェックすることで、漏えい・紛失を防ぐよう努める。</t>
    <rPh sb="1" eb="2">
      <t>クニ</t>
    </rPh>
    <rPh sb="5" eb="7">
      <t>ツウチ</t>
    </rPh>
    <rPh sb="8" eb="10">
      <t>チタイ</t>
    </rPh>
    <rPh sb="12" eb="14">
      <t>カンケイ</t>
    </rPh>
    <rPh sb="14" eb="16">
      <t>キカン</t>
    </rPh>
    <rPh sb="17" eb="19">
      <t>シュウチ</t>
    </rPh>
    <rPh sb="26" eb="29">
      <t>テイキテキ</t>
    </rPh>
    <rPh sb="30" eb="32">
      <t>ジッシ</t>
    </rPh>
    <rPh sb="34" eb="36">
      <t>カンサ</t>
    </rPh>
    <rPh sb="39" eb="41">
      <t>ジム</t>
    </rPh>
    <rPh sb="41" eb="43">
      <t>シッコウ</t>
    </rPh>
    <rPh sb="43" eb="45">
      <t>タイセイ</t>
    </rPh>
    <rPh sb="56" eb="57">
      <t>ロウ</t>
    </rPh>
    <rPh sb="60" eb="62">
      <t>フンシツ</t>
    </rPh>
    <rPh sb="63" eb="64">
      <t>フセ</t>
    </rPh>
    <rPh sb="67" eb="68">
      <t>ツト</t>
    </rPh>
    <phoneticPr fontId="4"/>
  </si>
  <si>
    <t>○個人点検シート、情報セキュリティ監査や研修により、認証情報を適切に管理するよう再徹底を図る。</t>
    <phoneticPr fontId="1"/>
  </si>
  <si>
    <t>○個人点検シート、情報セキュリティ監査や研修により、情報へのアクセス権を適切に設定するよう再徹底を図る。</t>
    <phoneticPr fontId="1"/>
  </si>
  <si>
    <t>○個人点検シート、情報セキュリティ監査や研修により、機器等の紛失が発生しないよう再徹底を図る。</t>
    <phoneticPr fontId="1"/>
  </si>
  <si>
    <t>〇個人点検シート、情報セキュリティ監査や研修により繰り返し指導する。</t>
    <phoneticPr fontId="1"/>
  </si>
  <si>
    <t>〇個人点検シートや研修により周知徹底を図る。</t>
    <rPh sb="1" eb="3">
      <t>コジン</t>
    </rPh>
    <rPh sb="3" eb="5">
      <t>テンケン</t>
    </rPh>
    <rPh sb="9" eb="11">
      <t>ケンシュウ</t>
    </rPh>
    <rPh sb="14" eb="16">
      <t>シュウチ</t>
    </rPh>
    <rPh sb="16" eb="18">
      <t>テッテイ</t>
    </rPh>
    <rPh sb="19" eb="20">
      <t>ハカ</t>
    </rPh>
    <phoneticPr fontId="1"/>
  </si>
  <si>
    <t>・適正執行通知
・会計事務検査
・会計事務事例集
・会計事務研修</t>
    <rPh sb="1" eb="3">
      <t>テキセイ</t>
    </rPh>
    <rPh sb="3" eb="5">
      <t>シッコウ</t>
    </rPh>
    <rPh sb="5" eb="7">
      <t>ツウチ</t>
    </rPh>
    <rPh sb="9" eb="11">
      <t>カイケイ</t>
    </rPh>
    <rPh sb="11" eb="13">
      <t>ジム</t>
    </rPh>
    <rPh sb="13" eb="15">
      <t>ケンサ</t>
    </rPh>
    <rPh sb="17" eb="19">
      <t>カイケイ</t>
    </rPh>
    <rPh sb="19" eb="21">
      <t>ジム</t>
    </rPh>
    <rPh sb="21" eb="23">
      <t>ジレイ</t>
    </rPh>
    <rPh sb="23" eb="24">
      <t>シュウ</t>
    </rPh>
    <rPh sb="26" eb="28">
      <t>カイケイ</t>
    </rPh>
    <rPh sb="28" eb="30">
      <t>ジム</t>
    </rPh>
    <rPh sb="30" eb="32">
      <t>ケンシュウ</t>
    </rPh>
    <phoneticPr fontId="1"/>
  </si>
  <si>
    <t>・適正執行通知
・会計事務検査
・会計事務事例集
・電子入札システム操作研修</t>
    <rPh sb="1" eb="3">
      <t>テキセイ</t>
    </rPh>
    <rPh sb="3" eb="5">
      <t>シッコウ</t>
    </rPh>
    <rPh sb="5" eb="7">
      <t>ツウチ</t>
    </rPh>
    <rPh sb="9" eb="11">
      <t>カイケイ</t>
    </rPh>
    <rPh sb="11" eb="13">
      <t>ジム</t>
    </rPh>
    <rPh sb="13" eb="15">
      <t>ケンサ</t>
    </rPh>
    <rPh sb="17" eb="19">
      <t>カイケイ</t>
    </rPh>
    <rPh sb="19" eb="21">
      <t>ジム</t>
    </rPh>
    <rPh sb="21" eb="23">
      <t>ジレイ</t>
    </rPh>
    <rPh sb="23" eb="24">
      <t>シュウ</t>
    </rPh>
    <rPh sb="26" eb="28">
      <t>デンシ</t>
    </rPh>
    <rPh sb="28" eb="30">
      <t>ニュウサツ</t>
    </rPh>
    <rPh sb="34" eb="36">
      <t>ソウサ</t>
    </rPh>
    <rPh sb="36" eb="38">
      <t>ケンシュウ</t>
    </rPh>
    <phoneticPr fontId="1"/>
  </si>
  <si>
    <t>・財産取扱研修会</t>
    <rPh sb="1" eb="3">
      <t>ザイサン</t>
    </rPh>
    <rPh sb="3" eb="4">
      <t>ト</t>
    </rPh>
    <rPh sb="4" eb="5">
      <t>アツカ</t>
    </rPh>
    <rPh sb="5" eb="8">
      <t>ケンシュウカイ</t>
    </rPh>
    <phoneticPr fontId="1"/>
  </si>
  <si>
    <t>・取扱通知
・財産取扱研修会</t>
    <rPh sb="1" eb="2">
      <t>ト</t>
    </rPh>
    <rPh sb="2" eb="3">
      <t>アツカ</t>
    </rPh>
    <rPh sb="3" eb="5">
      <t>ツウチ</t>
    </rPh>
    <rPh sb="7" eb="9">
      <t>ザイサン</t>
    </rPh>
    <rPh sb="9" eb="11">
      <t>トリアツカイ</t>
    </rPh>
    <rPh sb="11" eb="14">
      <t>ケンシュウカイ</t>
    </rPh>
    <phoneticPr fontId="1"/>
  </si>
  <si>
    <t>・事務処理マニュアル
・財産取扱研修会</t>
    <rPh sb="1" eb="3">
      <t>ジム</t>
    </rPh>
    <rPh sb="3" eb="5">
      <t>ショリ</t>
    </rPh>
    <rPh sb="12" eb="14">
      <t>ザイサン</t>
    </rPh>
    <rPh sb="14" eb="16">
      <t>トリアツカイ</t>
    </rPh>
    <rPh sb="16" eb="19">
      <t>ケンシュウカイ</t>
    </rPh>
    <phoneticPr fontId="1"/>
  </si>
  <si>
    <t>・チェックシート
・財産取扱研修会</t>
    <rPh sb="10" eb="12">
      <t>ザイサン</t>
    </rPh>
    <rPh sb="12" eb="14">
      <t>トリアツカイ</t>
    </rPh>
    <rPh sb="14" eb="17">
      <t>ケンシュウカイ</t>
    </rPh>
    <phoneticPr fontId="1"/>
  </si>
  <si>
    <t>・実施方針等通知
・定期点検研修</t>
    <phoneticPr fontId="1"/>
  </si>
  <si>
    <t>・情報セキュリティ監査
・情報セキュリティ研修
・個人点検シート</t>
    <rPh sb="1" eb="3">
      <t>ジョウホウ</t>
    </rPh>
    <rPh sb="9" eb="11">
      <t>カンサ</t>
    </rPh>
    <rPh sb="13" eb="15">
      <t>ジョウホウ</t>
    </rPh>
    <rPh sb="21" eb="23">
      <t>ケンシュウ</t>
    </rPh>
    <rPh sb="25" eb="27">
      <t>コジン</t>
    </rPh>
    <rPh sb="27" eb="29">
      <t>テンケン</t>
    </rPh>
    <phoneticPr fontId="1"/>
  </si>
  <si>
    <t>・情報セキュリティ監査
・情報セキュリティ研修</t>
    <rPh sb="1" eb="3">
      <t>ジョウホウ</t>
    </rPh>
    <rPh sb="9" eb="11">
      <t>カンサ</t>
    </rPh>
    <rPh sb="13" eb="15">
      <t>ジョウホウ</t>
    </rPh>
    <rPh sb="21" eb="23">
      <t>ケンシュウ</t>
    </rPh>
    <phoneticPr fontId="1"/>
  </si>
  <si>
    <t>・情報漏えい事故対応通知
・情報セキュリティ監査</t>
    <rPh sb="1" eb="3">
      <t>ジョウホウ</t>
    </rPh>
    <rPh sb="3" eb="4">
      <t>ロウ</t>
    </rPh>
    <rPh sb="6" eb="8">
      <t>ジコ</t>
    </rPh>
    <rPh sb="8" eb="10">
      <t>タイオウ</t>
    </rPh>
    <rPh sb="10" eb="12">
      <t>ツウチ</t>
    </rPh>
    <phoneticPr fontId="1"/>
  </si>
  <si>
    <t>・不祥事防止研修
・個人点検シート</t>
    <rPh sb="1" eb="4">
      <t>フショウジ</t>
    </rPh>
    <rPh sb="4" eb="6">
      <t>ボウシ</t>
    </rPh>
    <rPh sb="6" eb="8">
      <t>ケンシュウ</t>
    </rPh>
    <rPh sb="10" eb="12">
      <t>コジン</t>
    </rPh>
    <rPh sb="12" eb="14">
      <t>テンケン</t>
    </rPh>
    <phoneticPr fontId="1"/>
  </si>
  <si>
    <t>・不祥事防止研修</t>
    <rPh sb="1" eb="4">
      <t>フショウジ</t>
    </rPh>
    <rPh sb="4" eb="6">
      <t>ボウシ</t>
    </rPh>
    <rPh sb="6" eb="8">
      <t>ケンシュウ</t>
    </rPh>
    <phoneticPr fontId="1"/>
  </si>
  <si>
    <t>・現況確認通知</t>
    <rPh sb="1" eb="3">
      <t>ゲンキョウ</t>
    </rPh>
    <rPh sb="3" eb="5">
      <t>カクニン</t>
    </rPh>
    <rPh sb="5" eb="7">
      <t>ツウチ</t>
    </rPh>
    <phoneticPr fontId="1"/>
  </si>
  <si>
    <t>・文書管理規程</t>
    <rPh sb="1" eb="3">
      <t>ブンショ</t>
    </rPh>
    <rPh sb="3" eb="5">
      <t>カンリ</t>
    </rPh>
    <rPh sb="5" eb="7">
      <t>キテイ</t>
    </rPh>
    <phoneticPr fontId="1"/>
  </si>
  <si>
    <t>財産経営課</t>
    <rPh sb="0" eb="2">
      <t>ザイサン</t>
    </rPh>
    <rPh sb="2" eb="4">
      <t>ケイエイ</t>
    </rPh>
    <rPh sb="4" eb="5">
      <t>カ</t>
    </rPh>
    <phoneticPr fontId="1"/>
  </si>
  <si>
    <t>人事課</t>
    <rPh sb="0" eb="3">
      <t>ジンジカ</t>
    </rPh>
    <phoneticPr fontId="1"/>
  </si>
  <si>
    <t>文書課</t>
    <rPh sb="0" eb="2">
      <t>ブンショ</t>
    </rPh>
    <rPh sb="2" eb="3">
      <t>カ</t>
    </rPh>
    <phoneticPr fontId="1"/>
  </si>
  <si>
    <t>選択してください</t>
    <rPh sb="0" eb="2">
      <t>センタク</t>
    </rPh>
    <phoneticPr fontId="1"/>
  </si>
  <si>
    <r>
      <t xml:space="preserve">リスク対応策①
</t>
    </r>
    <r>
      <rPr>
        <b/>
        <sz val="11"/>
        <color theme="1"/>
        <rFont val="ＭＳ ゴシック"/>
        <family val="3"/>
        <charset val="128"/>
      </rPr>
      <t>（各所属）</t>
    </r>
    <rPh sb="9" eb="12">
      <t>カクショゾク</t>
    </rPh>
    <phoneticPr fontId="1"/>
  </si>
  <si>
    <r>
      <t xml:space="preserve">リスク対応策②
</t>
    </r>
    <r>
      <rPr>
        <b/>
        <sz val="11"/>
        <color theme="1"/>
        <rFont val="ＭＳ ゴシック"/>
        <family val="3"/>
        <charset val="128"/>
      </rPr>
      <t>（制度所管所属）</t>
    </r>
    <rPh sb="9" eb="11">
      <t>セイド</t>
    </rPh>
    <rPh sb="11" eb="13">
      <t>ショカン</t>
    </rPh>
    <rPh sb="13" eb="15">
      <t>ショゾク</t>
    </rPh>
    <phoneticPr fontId="1"/>
  </si>
  <si>
    <t>〇ファイル交換の承認時に適切な確認をする。
〇個人点検シート、情報セキュリティ監査や研修により、適切なコンピュータウィルス対策を実施するよう徹底する。</t>
    <rPh sb="5" eb="7">
      <t>コウカン</t>
    </rPh>
    <rPh sb="8" eb="10">
      <t>ショウニン</t>
    </rPh>
    <rPh sb="10" eb="11">
      <t>ジ</t>
    </rPh>
    <rPh sb="12" eb="14">
      <t>テキセツ</t>
    </rPh>
    <rPh sb="15" eb="17">
      <t>カクニン</t>
    </rPh>
    <rPh sb="31" eb="33">
      <t>ジョウホウ</t>
    </rPh>
    <rPh sb="39" eb="41">
      <t>カンサ</t>
    </rPh>
    <rPh sb="42" eb="44">
      <t>ケンシュウ</t>
    </rPh>
    <rPh sb="48" eb="50">
      <t>テキセツ</t>
    </rPh>
    <rPh sb="61" eb="63">
      <t>タイサク</t>
    </rPh>
    <rPh sb="64" eb="66">
      <t>ジッシ</t>
    </rPh>
    <rPh sb="70" eb="72">
      <t>テッテイ</t>
    </rPh>
    <phoneticPr fontId="4"/>
  </si>
  <si>
    <t>〇ウィルス対策ソフトを導入し、パターンファイルを常に最新に保つ。
〇個人点検シート、情報セキュリティ監査や研修により、適切なコンピュータウィルス対策を実施するよう徹底する。</t>
    <rPh sb="5" eb="7">
      <t>タイサク</t>
    </rPh>
    <rPh sb="11" eb="13">
      <t>ドウニュウ</t>
    </rPh>
    <rPh sb="24" eb="25">
      <t>ツネ</t>
    </rPh>
    <rPh sb="26" eb="28">
      <t>サイシン</t>
    </rPh>
    <rPh sb="29" eb="30">
      <t>タモ</t>
    </rPh>
    <rPh sb="42" eb="44">
      <t>ジョウホウ</t>
    </rPh>
    <rPh sb="50" eb="52">
      <t>カンサ</t>
    </rPh>
    <rPh sb="53" eb="55">
      <t>ケンシュウ</t>
    </rPh>
    <rPh sb="59" eb="61">
      <t>テキセツ</t>
    </rPh>
    <rPh sb="72" eb="74">
      <t>タイサク</t>
    </rPh>
    <rPh sb="75" eb="77">
      <t>ジッシ</t>
    </rPh>
    <rPh sb="81" eb="83">
      <t>テッテイ</t>
    </rPh>
    <phoneticPr fontId="4"/>
  </si>
  <si>
    <t>〇ライセンスに従ったソフトウェアの利用を徹底する。
○情報セキュリティ監査や研修により、ソフトウェアを適切に管理するよう再徹底を図る。
〇所属で台帳を作成し、適正に管理する。</t>
    <rPh sb="7" eb="8">
      <t>シタガ</t>
    </rPh>
    <rPh sb="17" eb="19">
      <t>リヨウ</t>
    </rPh>
    <rPh sb="20" eb="22">
      <t>テッテイ</t>
    </rPh>
    <rPh sb="51" eb="53">
      <t>テキセツ</t>
    </rPh>
    <rPh sb="54" eb="56">
      <t>カンリ</t>
    </rPh>
    <rPh sb="60" eb="63">
      <t>サイテッテイ</t>
    </rPh>
    <rPh sb="64" eb="65">
      <t>ハカ</t>
    </rPh>
    <phoneticPr fontId="4"/>
  </si>
  <si>
    <r>
      <t>　　リスク識別・評価作業（</t>
    </r>
    <r>
      <rPr>
        <b/>
        <sz val="11"/>
        <color theme="1"/>
        <rFont val="ＭＳ ゴシック"/>
        <family val="3"/>
        <charset val="128"/>
      </rPr>
      <t>制度所管所属</t>
    </r>
    <r>
      <rPr>
        <sz val="11"/>
        <color theme="1"/>
        <rFont val="ＭＳ ゴシック"/>
        <family val="3"/>
        <charset val="128"/>
      </rPr>
      <t>）</t>
    </r>
    <rPh sb="13" eb="15">
      <t>セイド</t>
    </rPh>
    <rPh sb="15" eb="17">
      <t>ショカン</t>
    </rPh>
    <rPh sb="17" eb="19">
      <t>ショゾク</t>
    </rPh>
    <phoneticPr fontId="1"/>
  </si>
  <si>
    <r>
      <t>リスク対応策整備作業（</t>
    </r>
    <r>
      <rPr>
        <b/>
        <sz val="11"/>
        <color theme="1"/>
        <rFont val="ＭＳ ゴシック"/>
        <family val="3"/>
        <charset val="128"/>
      </rPr>
      <t>各所属・制度所管所属</t>
    </r>
    <r>
      <rPr>
        <sz val="11"/>
        <color theme="1"/>
        <rFont val="ＭＳ ゴシック"/>
        <family val="3"/>
        <charset val="128"/>
      </rPr>
      <t>）</t>
    </r>
    <rPh sb="11" eb="14">
      <t>カクショゾク</t>
    </rPh>
    <phoneticPr fontId="1"/>
  </si>
  <si>
    <r>
      <t>自己評価作業（</t>
    </r>
    <r>
      <rPr>
        <b/>
        <sz val="11"/>
        <color theme="1"/>
        <rFont val="ＭＳ ゴシック"/>
        <family val="3"/>
        <charset val="128"/>
      </rPr>
      <t>各所属</t>
    </r>
    <r>
      <rPr>
        <sz val="11"/>
        <color theme="1"/>
        <rFont val="ＭＳ ゴシック"/>
        <family val="3"/>
        <charset val="128"/>
      </rPr>
      <t>）
（評価日　年　月　日）</t>
    </r>
    <rPh sb="0" eb="2">
      <t>ジコ</t>
    </rPh>
    <rPh sb="2" eb="4">
      <t>ヒョウカ</t>
    </rPh>
    <rPh sb="4" eb="6">
      <t>サギョウ</t>
    </rPh>
    <rPh sb="7" eb="10">
      <t>カクショゾク</t>
    </rPh>
    <rPh sb="13" eb="15">
      <t>ヒョウカ</t>
    </rPh>
    <rPh sb="15" eb="16">
      <t>ヒ</t>
    </rPh>
    <rPh sb="17" eb="18">
      <t>ネン</t>
    </rPh>
    <rPh sb="19" eb="20">
      <t>ガツ</t>
    </rPh>
    <rPh sb="21" eb="22">
      <t>ニチ</t>
    </rPh>
    <phoneticPr fontId="1"/>
  </si>
  <si>
    <t>運用状況自己評価</t>
    <rPh sb="0" eb="2">
      <t>ウンヨウ</t>
    </rPh>
    <rPh sb="2" eb="4">
      <t>ジョウキョウ</t>
    </rPh>
    <rPh sb="4" eb="6">
      <t>ジコ</t>
    </rPh>
    <rPh sb="6" eb="8">
      <t>ヒョウカ</t>
    </rPh>
    <phoneticPr fontId="1"/>
  </si>
  <si>
    <t>所属名</t>
    <rPh sb="0" eb="3">
      <t>ショゾクメイ</t>
    </rPh>
    <phoneticPr fontId="1"/>
  </si>
  <si>
    <t>所属コード</t>
    <rPh sb="0" eb="2">
      <t>ショゾク</t>
    </rPh>
    <phoneticPr fontId="1"/>
  </si>
  <si>
    <t xml:space="preserve">○予定価格は、入札執行権者が設計金額を基に算出し、他者への漏えいを防ぎ、慎重に入力する。
○設計金額と予定価格は必ずしも同額ではないことなど、制度を十分に確認する。
</t>
    <phoneticPr fontId="1"/>
  </si>
  <si>
    <t>調定額等の誤り</t>
    <rPh sb="0" eb="3">
      <t>チョウテイガク</t>
    </rPh>
    <rPh sb="3" eb="4">
      <t>トウ</t>
    </rPh>
    <rPh sb="5" eb="6">
      <t>アヤマ</t>
    </rPh>
    <phoneticPr fontId="4"/>
  </si>
  <si>
    <t>〇調定に係る起案に当たって、必要事項の確認と関係書類の添付を行う。
○納付期限までに納付がない者があるときは、財務規則に則って督促を行う。</t>
    <rPh sb="1" eb="3">
      <t>チョウテイ</t>
    </rPh>
    <rPh sb="4" eb="5">
      <t>カカ</t>
    </rPh>
    <rPh sb="6" eb="8">
      <t>キアン</t>
    </rPh>
    <rPh sb="9" eb="10">
      <t>ア</t>
    </rPh>
    <rPh sb="14" eb="16">
      <t>ヒツヨウ</t>
    </rPh>
    <rPh sb="16" eb="18">
      <t>ジコウ</t>
    </rPh>
    <rPh sb="19" eb="21">
      <t>カクニン</t>
    </rPh>
    <rPh sb="22" eb="24">
      <t>カンケイ</t>
    </rPh>
    <rPh sb="24" eb="26">
      <t>ショルイ</t>
    </rPh>
    <rPh sb="27" eb="29">
      <t>テンプ</t>
    </rPh>
    <rPh sb="30" eb="31">
      <t>オコナ</t>
    </rPh>
    <rPh sb="55" eb="57">
      <t>ザイム</t>
    </rPh>
    <rPh sb="57" eb="59">
      <t>キソク</t>
    </rPh>
    <rPh sb="60" eb="61">
      <t>ノット</t>
    </rPh>
    <rPh sb="63" eb="65">
      <t>トクソク</t>
    </rPh>
    <rPh sb="66" eb="67">
      <t>オコナ</t>
    </rPh>
    <phoneticPr fontId="1"/>
  </si>
  <si>
    <t>条例等の誤り</t>
    <rPh sb="0" eb="3">
      <t>ジョウレイナド</t>
    </rPh>
    <rPh sb="4" eb="5">
      <t>アヤマ</t>
    </rPh>
    <phoneticPr fontId="4"/>
  </si>
  <si>
    <t>○条ずれが発生する場合に引用条項に改正漏れがないか、思い込みによる改正誤りがないかなど、複数の異なる視点から当事者意識を持ってチェックを行う。
○法令等の解釈を所管省庁に確認したり、他都道府県の情報を収集するなど、条例等の影響を意識して慎重に改正等を行う。</t>
    <rPh sb="14" eb="16">
      <t>ジョウコウ</t>
    </rPh>
    <rPh sb="17" eb="19">
      <t>カイセイ</t>
    </rPh>
    <rPh sb="19" eb="20">
      <t>モ</t>
    </rPh>
    <rPh sb="33" eb="35">
      <t>カイセイ</t>
    </rPh>
    <rPh sb="35" eb="36">
      <t>アヤマ</t>
    </rPh>
    <rPh sb="44" eb="46">
      <t>フクスウ</t>
    </rPh>
    <rPh sb="47" eb="48">
      <t>コト</t>
    </rPh>
    <rPh sb="50" eb="52">
      <t>シテン</t>
    </rPh>
    <rPh sb="54" eb="57">
      <t>トウジシャ</t>
    </rPh>
    <rPh sb="57" eb="59">
      <t>イシキ</t>
    </rPh>
    <rPh sb="60" eb="61">
      <t>モ</t>
    </rPh>
    <rPh sb="77" eb="79">
      <t>カイシャク</t>
    </rPh>
    <rPh sb="91" eb="92">
      <t>ホカ</t>
    </rPh>
    <rPh sb="92" eb="96">
      <t>トドウフケン</t>
    </rPh>
    <rPh sb="97" eb="99">
      <t>ジョウホウ</t>
    </rPh>
    <rPh sb="100" eb="102">
      <t>シュウシュウ</t>
    </rPh>
    <rPh sb="109" eb="110">
      <t>トウ</t>
    </rPh>
    <rPh sb="114" eb="116">
      <t>イシキ</t>
    </rPh>
    <rPh sb="123" eb="124">
      <t>ナド</t>
    </rPh>
    <phoneticPr fontId="1"/>
  </si>
  <si>
    <t>〇条例等の誤りを防ぐため、条例等所管局（所属）用のチェックシートを活用するよう周知徹底を図る。</t>
    <rPh sb="1" eb="4">
      <t>ジョウレイナド</t>
    </rPh>
    <rPh sb="5" eb="6">
      <t>アヤマ</t>
    </rPh>
    <rPh sb="8" eb="9">
      <t>フセ</t>
    </rPh>
    <rPh sb="15" eb="16">
      <t>トウ</t>
    </rPh>
    <rPh sb="39" eb="41">
      <t>シュウチ</t>
    </rPh>
    <rPh sb="41" eb="43">
      <t>テッテイ</t>
    </rPh>
    <rPh sb="44" eb="45">
      <t>ハカ</t>
    </rPh>
    <phoneticPr fontId="1"/>
  </si>
  <si>
    <t>政策法務課</t>
    <rPh sb="0" eb="2">
      <t>セイサク</t>
    </rPh>
    <rPh sb="2" eb="4">
      <t>ホウム</t>
    </rPh>
    <rPh sb="4" eb="5">
      <t>カ</t>
    </rPh>
    <phoneticPr fontId="1"/>
  </si>
  <si>
    <t>・条例所管局（所属）用のチェックシート
・法制執務基礎演習研修</t>
    <phoneticPr fontId="1"/>
  </si>
  <si>
    <t>R2.6</t>
    <phoneticPr fontId="1"/>
  </si>
  <si>
    <t>条例等所管所属</t>
    <rPh sb="0" eb="2">
      <t>ジョウレイ</t>
    </rPh>
    <rPh sb="2" eb="3">
      <t>トウ</t>
    </rPh>
    <rPh sb="3" eb="5">
      <t>ショカン</t>
    </rPh>
    <rPh sb="5" eb="7">
      <t>ショゾク</t>
    </rPh>
    <phoneticPr fontId="1"/>
  </si>
  <si>
    <t>R2.11</t>
    <phoneticPr fontId="1"/>
  </si>
  <si>
    <t>〇予算の執行に当たり、執行科目（節）の確認を複数職員で行う。
〇見積書、契約書、請求書等の執行に当たっての根拠となる関係書類との確認を行う。</t>
    <phoneticPr fontId="1"/>
  </si>
  <si>
    <t>〇会計ナビにより全庁に周知徹底を図る。
〇会計担当者、事業担当者等、職員の階層に合わせた研修により、周知徹底を図る。
〇会計事務検査等を実施し、各所属の状況を確認する。</t>
    <phoneticPr fontId="1"/>
  </si>
  <si>
    <t>・適正執行通知
・会計事務検査
・会計事務事例集
・会計事務研修</t>
    <phoneticPr fontId="1"/>
  </si>
  <si>
    <t>予算の執行科目の誤り</t>
    <phoneticPr fontId="1"/>
  </si>
  <si>
    <t>デジタル戦略本部室</t>
    <rPh sb="4" eb="9">
      <t>センリャクホンブシツ</t>
    </rPh>
    <phoneticPr fontId="1"/>
  </si>
  <si>
    <t>総務局総務室</t>
    <rPh sb="0" eb="2">
      <t>ソウム</t>
    </rPh>
    <rPh sb="2" eb="3">
      <t>キョク</t>
    </rPh>
    <rPh sb="3" eb="5">
      <t>ソウム</t>
    </rPh>
    <rPh sb="5" eb="6">
      <t>シツ</t>
    </rPh>
    <phoneticPr fontId="1"/>
  </si>
  <si>
    <t>総務局総務室
情報公開広聴課
デジタル戦略本部室
文書課</t>
    <rPh sb="2" eb="3">
      <t>キョク</t>
    </rPh>
    <rPh sb="19" eb="24">
      <t>センリャクホンブシツ</t>
    </rPh>
    <rPh sb="25" eb="27">
      <t>ブンショ</t>
    </rPh>
    <rPh sb="27" eb="28">
      <t>カ</t>
    </rPh>
    <phoneticPr fontId="1"/>
  </si>
  <si>
    <t>重要物品取扱所属</t>
    <rPh sb="0" eb="2">
      <t>ジュウヨウ</t>
    </rPh>
    <rPh sb="2" eb="4">
      <t>ブッピン</t>
    </rPh>
    <rPh sb="4" eb="6">
      <t>トリアツカイ</t>
    </rPh>
    <rPh sb="6" eb="8">
      <t>ショゾク</t>
    </rPh>
    <phoneticPr fontId="1"/>
  </si>
  <si>
    <t>〇登退庁時の施錠管理について、職員に周知する。
〇鍵の保管場所を適切に定めるとともに、庁舎内の所属等における鍵の適切な保管等について指導を行う。
〇使用していない施設について、適切な侵入防止対策をする。</t>
    <rPh sb="1" eb="2">
      <t>トウ</t>
    </rPh>
    <rPh sb="2" eb="4">
      <t>タイチョウ</t>
    </rPh>
    <rPh sb="4" eb="5">
      <t>ジ</t>
    </rPh>
    <rPh sb="6" eb="8">
      <t>セジョウ</t>
    </rPh>
    <rPh sb="8" eb="10">
      <t>カンリ</t>
    </rPh>
    <rPh sb="15" eb="17">
      <t>ショクイン</t>
    </rPh>
    <rPh sb="18" eb="20">
      <t>シュウチ</t>
    </rPh>
    <rPh sb="25" eb="26">
      <t>カギ</t>
    </rPh>
    <rPh sb="27" eb="29">
      <t>ホカン</t>
    </rPh>
    <rPh sb="29" eb="31">
      <t>バショ</t>
    </rPh>
    <rPh sb="32" eb="34">
      <t>テキセツ</t>
    </rPh>
    <rPh sb="35" eb="36">
      <t>サダ</t>
    </rPh>
    <rPh sb="43" eb="45">
      <t>チョウシャ</t>
    </rPh>
    <rPh sb="45" eb="46">
      <t>ナイ</t>
    </rPh>
    <rPh sb="47" eb="49">
      <t>ショゾク</t>
    </rPh>
    <rPh sb="49" eb="50">
      <t>トウ</t>
    </rPh>
    <rPh sb="54" eb="55">
      <t>カギ</t>
    </rPh>
    <rPh sb="56" eb="58">
      <t>テキセツ</t>
    </rPh>
    <rPh sb="59" eb="61">
      <t>ホカン</t>
    </rPh>
    <rPh sb="61" eb="62">
      <t>トウ</t>
    </rPh>
    <rPh sb="66" eb="68">
      <t>シドウ</t>
    </rPh>
    <rPh sb="69" eb="70">
      <t>オコナ</t>
    </rPh>
    <rPh sb="74" eb="76">
      <t>シヨウ</t>
    </rPh>
    <rPh sb="81" eb="83">
      <t>シセツ</t>
    </rPh>
    <rPh sb="88" eb="90">
      <t>テキセツ</t>
    </rPh>
    <rPh sb="91" eb="93">
      <t>シンニュウ</t>
    </rPh>
    <rPh sb="93" eb="95">
      <t>ボウシ</t>
    </rPh>
    <rPh sb="95" eb="97">
      <t>タイサク</t>
    </rPh>
    <phoneticPr fontId="1"/>
  </si>
  <si>
    <t>外部記録媒体等の不適正管理</t>
    <rPh sb="0" eb="2">
      <t>ガイブ</t>
    </rPh>
    <rPh sb="2" eb="4">
      <t>キロク</t>
    </rPh>
    <rPh sb="4" eb="6">
      <t>バイタイ</t>
    </rPh>
    <rPh sb="6" eb="7">
      <t>トウ</t>
    </rPh>
    <rPh sb="8" eb="11">
      <t>フテキセイ</t>
    </rPh>
    <rPh sb="11" eb="13">
      <t>カンリ</t>
    </rPh>
    <phoneticPr fontId="1"/>
  </si>
  <si>
    <t>R2.4</t>
    <phoneticPr fontId="1"/>
  </si>
  <si>
    <t>○情報セキュリティ監査や研修により、情報へのアクセス権を適切に設定するよう再徹底を図る。
○個人点検シートや研修により周知徹底を図る。</t>
    <phoneticPr fontId="1"/>
  </si>
  <si>
    <t xml:space="preserve">・情報セキュリティ監査
・情報セキュリティ研修
・個人点検シート
・職員行動指針
・ソーシャルメディアの私的利用ハンドブック
・実施方針通知
・不祥事防止研修
</t>
    <phoneticPr fontId="1"/>
  </si>
  <si>
    <t>デジタル戦略本部室
総務局総務室</t>
    <rPh sb="4" eb="6">
      <t>センリャク</t>
    </rPh>
    <rPh sb="6" eb="8">
      <t>ホンブ</t>
    </rPh>
    <rPh sb="8" eb="9">
      <t>シツ</t>
    </rPh>
    <rPh sb="10" eb="12">
      <t>ソウム</t>
    </rPh>
    <rPh sb="12" eb="13">
      <t>キョク</t>
    </rPh>
    <rPh sb="13" eb="15">
      <t>ソウム</t>
    </rPh>
    <rPh sb="15" eb="16">
      <t>シツ</t>
    </rPh>
    <phoneticPr fontId="1"/>
  </si>
  <si>
    <t>○文書システムでの施行誤りを防ぐため、システムやマニュアルの改善を行う。
〇ＣＭＳや電子申請システムにおける公開設定等の設定ミスを防ぐため、システムやマニュアルの改善を行う。
〇個人点検シートや研修により周知徹底を図る。</t>
    <phoneticPr fontId="1"/>
  </si>
  <si>
    <t>総務局総務室
文書課
知事室
デジタル戦略本部室</t>
    <rPh sb="0" eb="2">
      <t>ソウム</t>
    </rPh>
    <rPh sb="2" eb="3">
      <t>キョク</t>
    </rPh>
    <rPh sb="3" eb="5">
      <t>ソウム</t>
    </rPh>
    <rPh sb="5" eb="6">
      <t>シツ</t>
    </rPh>
    <rPh sb="7" eb="9">
      <t>ブンショ</t>
    </rPh>
    <rPh sb="9" eb="10">
      <t>カ</t>
    </rPh>
    <phoneticPr fontId="1"/>
  </si>
  <si>
    <t>○個人点検シート、情報セキュリティ監査や研修により、情報へのアクセス権を適切に設定するよう再徹底を図る。
〇重要情報にアクセスできる権限は最小限にする。
〇利便性を優先し、アクセス権を広く設定しない。
○情報記録媒体への書き出しや、ファイル交換での情報持ち出しを承認する際は、業務上必要か、不正な情報が含まれていないか確認を徹底する。
○重要情報の共有範囲をあらかじめ決めておく。
○重要情報が記載された文書に「取扱注意」と明記する。</t>
    <phoneticPr fontId="4"/>
  </si>
  <si>
    <t>財産経営課
下水道課</t>
    <rPh sb="0" eb="2">
      <t>ザイサン</t>
    </rPh>
    <rPh sb="2" eb="4">
      <t>ケイエイ</t>
    </rPh>
    <rPh sb="4" eb="5">
      <t>カ</t>
    </rPh>
    <rPh sb="6" eb="10">
      <t>ゲスイドウカ</t>
    </rPh>
    <phoneticPr fontId="1"/>
  </si>
  <si>
    <t>〇収受や施行は複数人で共有する。
〇研修により、周知徹底を図る。</t>
    <rPh sb="1" eb="3">
      <t>シュウジュ</t>
    </rPh>
    <rPh sb="4" eb="6">
      <t>セコウ</t>
    </rPh>
    <rPh sb="7" eb="9">
      <t>フクスウ</t>
    </rPh>
    <rPh sb="9" eb="10">
      <t>ニン</t>
    </rPh>
    <rPh sb="11" eb="13">
      <t>キョウユウ</t>
    </rPh>
    <phoneticPr fontId="1"/>
  </si>
  <si>
    <t>〇研修により、周知徹底を図る。</t>
    <phoneticPr fontId="1"/>
  </si>
  <si>
    <t>・職員行動指針
・不祥事防止研修
・個人点検シート
・実施方針通知
・文書事務点検リスト</t>
    <phoneticPr fontId="1"/>
  </si>
  <si>
    <t>R4.11</t>
    <phoneticPr fontId="1"/>
  </si>
  <si>
    <t>総務局総務室
文書課</t>
    <rPh sb="0" eb="6">
      <t>ソウムキョクソウムシツ</t>
    </rPh>
    <rPh sb="7" eb="9">
      <t>ブンショ</t>
    </rPh>
    <rPh sb="9" eb="10">
      <t>カ</t>
    </rPh>
    <phoneticPr fontId="1"/>
  </si>
  <si>
    <t>書類等の偽造</t>
    <rPh sb="0" eb="2">
      <t>ショルイ</t>
    </rPh>
    <rPh sb="2" eb="3">
      <t>ナド</t>
    </rPh>
    <rPh sb="4" eb="6">
      <t>ギゾウ</t>
    </rPh>
    <phoneticPr fontId="1"/>
  </si>
  <si>
    <t>具体例</t>
    <phoneticPr fontId="1"/>
  </si>
  <si>
    <t>執行科目（節）を誤る。</t>
    <phoneticPr fontId="1"/>
  </si>
  <si>
    <t>支出命令額を誤る。
報酬等の支給額を誤る。
報酬等の税額等を誤って控除する。
戻入額を誤る。</t>
  </si>
  <si>
    <t>調定額等を誤る。</t>
    <rPh sb="0" eb="3">
      <t>チョウテイガク</t>
    </rPh>
    <rPh sb="3" eb="4">
      <t>トウ</t>
    </rPh>
    <rPh sb="5" eb="6">
      <t>アヤマ</t>
    </rPh>
    <phoneticPr fontId="4"/>
  </si>
  <si>
    <t>支払手続が遅れる。
納付期限を過ぎた歳計外現金を、払出していない。
歳計外現金を納付期限を過ぎて納付する。</t>
    <rPh sb="10" eb="12">
      <t>ノウフ</t>
    </rPh>
    <rPh sb="12" eb="14">
      <t>キゲン</t>
    </rPh>
    <rPh sb="15" eb="16">
      <t>ス</t>
    </rPh>
    <rPh sb="18" eb="20">
      <t>サイケイ</t>
    </rPh>
    <rPh sb="20" eb="21">
      <t>ガイ</t>
    </rPh>
    <rPh sb="21" eb="23">
      <t>ゲンキン</t>
    </rPh>
    <rPh sb="25" eb="26">
      <t>ハラ</t>
    </rPh>
    <rPh sb="26" eb="27">
      <t>ダ</t>
    </rPh>
    <rPh sb="34" eb="36">
      <t>サイケイ</t>
    </rPh>
    <rPh sb="36" eb="37">
      <t>ガイ</t>
    </rPh>
    <rPh sb="37" eb="39">
      <t>ゲンキン</t>
    </rPh>
    <rPh sb="40" eb="42">
      <t>ノウフ</t>
    </rPh>
    <rPh sb="42" eb="44">
      <t>キゲン</t>
    </rPh>
    <rPh sb="45" eb="46">
      <t>ス</t>
    </rPh>
    <rPh sb="48" eb="50">
      <t>ノウフ</t>
    </rPh>
    <phoneticPr fontId="1"/>
  </si>
  <si>
    <t>預け金、差し替え、一括払い等、契約と異なる履行を行わせる。</t>
    <rPh sb="15" eb="17">
      <t>ケイヤク</t>
    </rPh>
    <rPh sb="18" eb="19">
      <t>コト</t>
    </rPh>
    <rPh sb="21" eb="23">
      <t>リコウ</t>
    </rPh>
    <phoneticPr fontId="1"/>
  </si>
  <si>
    <t>契約締結前に履行される。</t>
  </si>
  <si>
    <t>入札対象案件の設計金額の積算を誤る。</t>
    <rPh sb="0" eb="2">
      <t>ニュウサツ</t>
    </rPh>
    <rPh sb="2" eb="4">
      <t>タイショウ</t>
    </rPh>
    <rPh sb="4" eb="6">
      <t>アンケン</t>
    </rPh>
    <rPh sb="7" eb="9">
      <t>セッケイ</t>
    </rPh>
    <rPh sb="9" eb="11">
      <t>キンガク</t>
    </rPh>
    <rPh sb="12" eb="14">
      <t>セキサン</t>
    </rPh>
    <rPh sb="15" eb="16">
      <t>アヤマ</t>
    </rPh>
    <phoneticPr fontId="4"/>
  </si>
  <si>
    <t>入札公告を行う際に、
・必要な情報を開示しない。
・不必要な情報を記載する。
・仕様等の内容を誤って記載する。</t>
    <rPh sb="12" eb="14">
      <t>ヒツヨウ</t>
    </rPh>
    <rPh sb="15" eb="17">
      <t>ジョウホウ</t>
    </rPh>
    <rPh sb="18" eb="20">
      <t>カイジ</t>
    </rPh>
    <rPh sb="26" eb="29">
      <t>フヒツヨウ</t>
    </rPh>
    <rPh sb="30" eb="32">
      <t>ジョウホウ</t>
    </rPh>
    <rPh sb="33" eb="35">
      <t>キサイ</t>
    </rPh>
    <rPh sb="40" eb="42">
      <t>シヨウ</t>
    </rPh>
    <rPh sb="42" eb="43">
      <t>ナド</t>
    </rPh>
    <rPh sb="44" eb="46">
      <t>ナイヨウ</t>
    </rPh>
    <rPh sb="47" eb="48">
      <t>アヤマ</t>
    </rPh>
    <rPh sb="50" eb="52">
      <t>キサイ</t>
    </rPh>
    <phoneticPr fontId="1"/>
  </si>
  <si>
    <t>入札を執行する際に設定・入力を誤る。</t>
    <rPh sb="0" eb="2">
      <t>ニュウサツ</t>
    </rPh>
    <rPh sb="3" eb="5">
      <t>シッコウ</t>
    </rPh>
    <rPh sb="7" eb="8">
      <t>サイ</t>
    </rPh>
    <rPh sb="9" eb="11">
      <t>セッテイ</t>
    </rPh>
    <rPh sb="12" eb="14">
      <t>ニュウリョク</t>
    </rPh>
    <rPh sb="15" eb="16">
      <t>アヤマ</t>
    </rPh>
    <phoneticPr fontId="4"/>
  </si>
  <si>
    <t>工事で取得した重要物品を含め、新規に取得した重要物品の台帳登録を漏らす。
貸付けた重要物品の台帳登録を誤る。
不用決定した重要備品の払出しを漏らす。
重要物品の台帳登録価額を誤る。</t>
    <rPh sb="85" eb="86">
      <t>ガク</t>
    </rPh>
    <phoneticPr fontId="1"/>
  </si>
  <si>
    <t>境界標識等の設置を行わず、県有地の範囲が不明確である。
越境されていること（不法占用）が明確であるのに、適切な対応を行わない。</t>
    <rPh sb="0" eb="2">
      <t>キョウカイ</t>
    </rPh>
    <rPh sb="2" eb="4">
      <t>ヒョウシキ</t>
    </rPh>
    <rPh sb="4" eb="5">
      <t>トウ</t>
    </rPh>
    <rPh sb="6" eb="8">
      <t>セッチ</t>
    </rPh>
    <rPh sb="9" eb="10">
      <t>オコナ</t>
    </rPh>
    <rPh sb="13" eb="16">
      <t>ケンユウチ</t>
    </rPh>
    <rPh sb="17" eb="19">
      <t>ハンイ</t>
    </rPh>
    <rPh sb="20" eb="23">
      <t>フメイカク</t>
    </rPh>
    <rPh sb="28" eb="30">
      <t>エッキョウ</t>
    </rPh>
    <rPh sb="38" eb="40">
      <t>フホウ</t>
    </rPh>
    <rPh sb="40" eb="42">
      <t>センヨウ</t>
    </rPh>
    <rPh sb="44" eb="46">
      <t>メイカク</t>
    </rPh>
    <rPh sb="52" eb="54">
      <t>テキセツ</t>
    </rPh>
    <rPh sb="55" eb="57">
      <t>タイオウ</t>
    </rPh>
    <rPh sb="58" eb="59">
      <t>オコナ</t>
    </rPh>
    <phoneticPr fontId="1"/>
  </si>
  <si>
    <t>建物、工作物、立木の現状を、正確に把握せず、必要な安全対策を行わない。</t>
    <rPh sb="0" eb="2">
      <t>タテモノ</t>
    </rPh>
    <rPh sb="3" eb="6">
      <t>コウサクブツ</t>
    </rPh>
    <rPh sb="7" eb="9">
      <t>リュウボク</t>
    </rPh>
    <rPh sb="10" eb="12">
      <t>ゲンジョウ</t>
    </rPh>
    <rPh sb="14" eb="16">
      <t>セイカク</t>
    </rPh>
    <rPh sb="17" eb="19">
      <t>ハアク</t>
    </rPh>
    <rPh sb="22" eb="24">
      <t>ヒツヨウ</t>
    </rPh>
    <rPh sb="25" eb="27">
      <t>アンゼン</t>
    </rPh>
    <rPh sb="27" eb="29">
      <t>タイサク</t>
    </rPh>
    <rPh sb="30" eb="31">
      <t>オコナ</t>
    </rPh>
    <phoneticPr fontId="1"/>
  </si>
  <si>
    <t>消防法に基づく必要な消防用設備等の点検を適切に行わない。</t>
    <rPh sb="0" eb="3">
      <t>ショウボウホウ</t>
    </rPh>
    <rPh sb="4" eb="5">
      <t>モト</t>
    </rPh>
    <rPh sb="7" eb="9">
      <t>ヒツヨウ</t>
    </rPh>
    <rPh sb="10" eb="13">
      <t>ショウボウヨウ</t>
    </rPh>
    <rPh sb="13" eb="15">
      <t>セツビ</t>
    </rPh>
    <rPh sb="15" eb="16">
      <t>トウ</t>
    </rPh>
    <rPh sb="17" eb="19">
      <t>テンケン</t>
    </rPh>
    <rPh sb="20" eb="22">
      <t>テキセツ</t>
    </rPh>
    <rPh sb="23" eb="24">
      <t>オコナ</t>
    </rPh>
    <phoneticPr fontId="1"/>
  </si>
  <si>
    <t>アスベストの使用実態を把握せず、適切な管理や対策を行わない。</t>
    <rPh sb="6" eb="8">
      <t>シヨウ</t>
    </rPh>
    <rPh sb="8" eb="10">
      <t>ジッタイ</t>
    </rPh>
    <rPh sb="11" eb="13">
      <t>ハアク</t>
    </rPh>
    <rPh sb="16" eb="18">
      <t>テキセツ</t>
    </rPh>
    <rPh sb="19" eb="21">
      <t>カンリ</t>
    </rPh>
    <rPh sb="22" eb="24">
      <t>タイサク</t>
    </rPh>
    <rPh sb="25" eb="26">
      <t>オコナ</t>
    </rPh>
    <phoneticPr fontId="1"/>
  </si>
  <si>
    <t>適切に保安業務や鍵の管理、防火管理業務を行わない。</t>
    <rPh sb="0" eb="2">
      <t>テキセツ</t>
    </rPh>
    <rPh sb="5" eb="7">
      <t>ギョウム</t>
    </rPh>
    <rPh sb="8" eb="9">
      <t>カギ</t>
    </rPh>
    <rPh sb="10" eb="12">
      <t>カンリ</t>
    </rPh>
    <rPh sb="13" eb="15">
      <t>ボウカ</t>
    </rPh>
    <rPh sb="15" eb="17">
      <t>カンリ</t>
    </rPh>
    <rPh sb="17" eb="19">
      <t>ギョウム</t>
    </rPh>
    <rPh sb="20" eb="21">
      <t>オコナ</t>
    </rPh>
    <phoneticPr fontId="1"/>
  </si>
  <si>
    <t>施設使用許可、財産貸付け、譲渡、交換の手続を漏らす、または誤る。</t>
    <rPh sb="0" eb="2">
      <t>シセツ</t>
    </rPh>
    <rPh sb="7" eb="9">
      <t>ザイサン</t>
    </rPh>
    <rPh sb="9" eb="11">
      <t>カシツケ</t>
    </rPh>
    <rPh sb="13" eb="15">
      <t>ジョウト</t>
    </rPh>
    <rPh sb="16" eb="18">
      <t>コウカン</t>
    </rPh>
    <rPh sb="19" eb="21">
      <t>テツヅ</t>
    </rPh>
    <rPh sb="22" eb="23">
      <t>モ</t>
    </rPh>
    <rPh sb="29" eb="30">
      <t>アヤマ</t>
    </rPh>
    <phoneticPr fontId="1"/>
  </si>
  <si>
    <t>著作権等の利用許諾手続を漏らす、または誤る。</t>
    <phoneticPr fontId="1"/>
  </si>
  <si>
    <t>取得、処分、管理換え等に伴う台帳登録を漏らす、または誤る。</t>
    <rPh sb="0" eb="2">
      <t>シュトク</t>
    </rPh>
    <rPh sb="3" eb="5">
      <t>ショブン</t>
    </rPh>
    <rPh sb="6" eb="8">
      <t>カンリ</t>
    </rPh>
    <rPh sb="8" eb="9">
      <t>ガ</t>
    </rPh>
    <rPh sb="10" eb="11">
      <t>トウ</t>
    </rPh>
    <rPh sb="12" eb="13">
      <t>トモナ</t>
    </rPh>
    <rPh sb="14" eb="16">
      <t>ダイチョウ</t>
    </rPh>
    <rPh sb="16" eb="18">
      <t>トウロク</t>
    </rPh>
    <rPh sb="19" eb="20">
      <t>モ</t>
    </rPh>
    <rPh sb="26" eb="27">
      <t>アヤマ</t>
    </rPh>
    <phoneticPr fontId="1"/>
  </si>
  <si>
    <t>建築基準法に基づく定期点検を実施しない。また、実施して「要是正箇所」が把握できても、是正工事等を実施しない。</t>
    <phoneticPr fontId="1"/>
  </si>
  <si>
    <t>コンピュータシステムがウィルスに感染する。</t>
    <phoneticPr fontId="1"/>
  </si>
  <si>
    <t>私物の情報機器や外部記録媒体を業務で使用することで、情報漏えいを招く。</t>
    <rPh sb="0" eb="2">
      <t>シブツ</t>
    </rPh>
    <rPh sb="3" eb="5">
      <t>ジョウホウ</t>
    </rPh>
    <rPh sb="5" eb="7">
      <t>キキ</t>
    </rPh>
    <rPh sb="8" eb="10">
      <t>ガイブ</t>
    </rPh>
    <rPh sb="10" eb="12">
      <t>キロク</t>
    </rPh>
    <rPh sb="12" eb="14">
      <t>バイタイ</t>
    </rPh>
    <rPh sb="15" eb="17">
      <t>ギョウム</t>
    </rPh>
    <rPh sb="18" eb="20">
      <t>シヨウ</t>
    </rPh>
    <rPh sb="26" eb="28">
      <t>ジョウホウ</t>
    </rPh>
    <rPh sb="28" eb="29">
      <t>ロウ</t>
    </rPh>
    <rPh sb="32" eb="33">
      <t>マネ</t>
    </rPh>
    <phoneticPr fontId="1"/>
  </si>
  <si>
    <t>サポート切れＯＳやソフトウェアを利用し、外部からの攻撃に対する脆弱性を放置する。</t>
    <rPh sb="4" eb="5">
      <t>ギ</t>
    </rPh>
    <rPh sb="16" eb="18">
      <t>リヨウ</t>
    </rPh>
    <rPh sb="20" eb="22">
      <t>ガイブ</t>
    </rPh>
    <rPh sb="25" eb="27">
      <t>コウゲキ</t>
    </rPh>
    <rPh sb="28" eb="29">
      <t>タイ</t>
    </rPh>
    <rPh sb="31" eb="34">
      <t>ゼイジャクセイ</t>
    </rPh>
    <rPh sb="35" eb="37">
      <t>ホウチ</t>
    </rPh>
    <phoneticPr fontId="1"/>
  </si>
  <si>
    <t>ソフトウェアのライセンスを不適正に管理し、意図的にコピーを使用する。</t>
    <rPh sb="17" eb="19">
      <t>カンリ</t>
    </rPh>
    <rPh sb="21" eb="24">
      <t>イトテキ</t>
    </rPh>
    <rPh sb="29" eb="31">
      <t>シヨウ</t>
    </rPh>
    <phoneticPr fontId="1"/>
  </si>
  <si>
    <t>内部の人間（職員・業務受託事業者）が不正又は不適正に情報にアクセスし、重要情報を取得することにより、情報漏えいを招く。
重要情報の共有範囲を限定せず、取扱注意の認識が不十分なことにより情報漏えいを招く。</t>
    <rPh sb="0" eb="2">
      <t>ナイブ</t>
    </rPh>
    <rPh sb="3" eb="5">
      <t>ニンゲン</t>
    </rPh>
    <rPh sb="6" eb="8">
      <t>ショクイン</t>
    </rPh>
    <rPh sb="9" eb="11">
      <t>ギョウム</t>
    </rPh>
    <rPh sb="11" eb="13">
      <t>ジュタク</t>
    </rPh>
    <rPh sb="13" eb="16">
      <t>ジギョウシャ</t>
    </rPh>
    <rPh sb="18" eb="20">
      <t>フセイ</t>
    </rPh>
    <rPh sb="20" eb="21">
      <t>マタ</t>
    </rPh>
    <rPh sb="22" eb="25">
      <t>フテキセイ</t>
    </rPh>
    <rPh sb="26" eb="28">
      <t>ジョウホウ</t>
    </rPh>
    <rPh sb="35" eb="37">
      <t>ジュウヨウ</t>
    </rPh>
    <rPh sb="37" eb="39">
      <t>ジョウホウ</t>
    </rPh>
    <rPh sb="40" eb="42">
      <t>シュトク</t>
    </rPh>
    <rPh sb="50" eb="52">
      <t>ジョウホウ</t>
    </rPh>
    <rPh sb="52" eb="53">
      <t>ロウ</t>
    </rPh>
    <rPh sb="56" eb="57">
      <t>マネ</t>
    </rPh>
    <phoneticPr fontId="1"/>
  </si>
  <si>
    <t>離席時のパソコンのロックを行わず、情報が読み取れる状態で放置することにより、情報漏えいを招く。</t>
    <rPh sb="0" eb="2">
      <t>リセキ</t>
    </rPh>
    <rPh sb="2" eb="3">
      <t>ジ</t>
    </rPh>
    <rPh sb="13" eb="14">
      <t>オコナ</t>
    </rPh>
    <rPh sb="17" eb="19">
      <t>ジョウホウ</t>
    </rPh>
    <rPh sb="20" eb="21">
      <t>ヨ</t>
    </rPh>
    <rPh sb="22" eb="23">
      <t>ト</t>
    </rPh>
    <rPh sb="25" eb="27">
      <t>ジョウタイ</t>
    </rPh>
    <rPh sb="28" eb="30">
      <t>ホウチ</t>
    </rPh>
    <phoneticPr fontId="1"/>
  </si>
  <si>
    <t>県民、関係事業者、所属職員のマイナンバーを扱う所属において、マイナンバーの漏えい・紛失が発生する。</t>
    <rPh sb="0" eb="2">
      <t>ケンミン</t>
    </rPh>
    <rPh sb="3" eb="5">
      <t>カンケイ</t>
    </rPh>
    <rPh sb="5" eb="8">
      <t>ジギョウシャ</t>
    </rPh>
    <rPh sb="9" eb="11">
      <t>ショゾク</t>
    </rPh>
    <rPh sb="11" eb="13">
      <t>ショクイン</t>
    </rPh>
    <rPh sb="21" eb="22">
      <t>アツカ</t>
    </rPh>
    <rPh sb="23" eb="25">
      <t>ショゾク</t>
    </rPh>
    <rPh sb="37" eb="38">
      <t>ロウ</t>
    </rPh>
    <rPh sb="41" eb="43">
      <t>フンシツ</t>
    </rPh>
    <rPh sb="44" eb="46">
      <t>ハッセイ</t>
    </rPh>
    <phoneticPr fontId="1"/>
  </si>
  <si>
    <t>職員が不注意により個人情報等を外部に漏えいする。</t>
  </si>
  <si>
    <t>認証情報の不適正な管理により情報漏えいを招く。</t>
    <rPh sb="0" eb="2">
      <t>ニンショウ</t>
    </rPh>
    <rPh sb="2" eb="4">
      <t>ジョウホウ</t>
    </rPh>
    <rPh sb="9" eb="11">
      <t>カンリ</t>
    </rPh>
    <rPh sb="14" eb="16">
      <t>ジョウホウ</t>
    </rPh>
    <rPh sb="16" eb="17">
      <t>ロウ</t>
    </rPh>
    <rPh sb="20" eb="21">
      <t>マネ</t>
    </rPh>
    <phoneticPr fontId="1"/>
  </si>
  <si>
    <t>情報へのアクセス権の設定が不適正なため、情報漏えいや不正な情報取得を招く。</t>
    <rPh sb="0" eb="2">
      <t>ジョウホウ</t>
    </rPh>
    <rPh sb="8" eb="9">
      <t>ケン</t>
    </rPh>
    <rPh sb="10" eb="12">
      <t>セッテイ</t>
    </rPh>
    <rPh sb="20" eb="22">
      <t>ジョウホウ</t>
    </rPh>
    <rPh sb="22" eb="23">
      <t>ロウ</t>
    </rPh>
    <rPh sb="26" eb="28">
      <t>フセイ</t>
    </rPh>
    <rPh sb="29" eb="31">
      <t>ジョウホウ</t>
    </rPh>
    <rPh sb="31" eb="33">
      <t>シュトク</t>
    </rPh>
    <rPh sb="34" eb="35">
      <t>マネ</t>
    </rPh>
    <phoneticPr fontId="1"/>
  </si>
  <si>
    <t>モバイルＰＣ、ＵＳＢメモリ、公用携帯等を紛失し、情報漏えいを招く。</t>
    <rPh sb="14" eb="16">
      <t>コウヨウ</t>
    </rPh>
    <rPh sb="16" eb="18">
      <t>ケイタイ</t>
    </rPh>
    <rPh sb="18" eb="19">
      <t>トウ</t>
    </rPh>
    <rPh sb="20" eb="22">
      <t>フンシツ</t>
    </rPh>
    <rPh sb="24" eb="26">
      <t>ジョウホウ</t>
    </rPh>
    <rPh sb="26" eb="27">
      <t>ロウ</t>
    </rPh>
    <rPh sb="30" eb="31">
      <t>マネ</t>
    </rPh>
    <phoneticPr fontId="1"/>
  </si>
  <si>
    <t>外部記録媒体等を適正に管理していないことで、情報漏えいを招く。</t>
    <rPh sb="0" eb="2">
      <t>ガイブ</t>
    </rPh>
    <rPh sb="2" eb="4">
      <t>キロク</t>
    </rPh>
    <rPh sb="4" eb="6">
      <t>バイタイ</t>
    </rPh>
    <rPh sb="6" eb="7">
      <t>トウ</t>
    </rPh>
    <rPh sb="8" eb="10">
      <t>テキセイ</t>
    </rPh>
    <rPh sb="11" eb="13">
      <t>カンリ</t>
    </rPh>
    <rPh sb="22" eb="24">
      <t>ジョウホウ</t>
    </rPh>
    <rPh sb="24" eb="25">
      <t>ロウ</t>
    </rPh>
    <rPh sb="28" eb="29">
      <t>マネ</t>
    </rPh>
    <phoneticPr fontId="1"/>
  </si>
  <si>
    <t>職員間等においてセクハラ・パワハラが発生する。</t>
    <rPh sb="0" eb="2">
      <t>ショクイン</t>
    </rPh>
    <rPh sb="2" eb="3">
      <t>カン</t>
    </rPh>
    <rPh sb="3" eb="4">
      <t>ナド</t>
    </rPh>
    <rPh sb="18" eb="20">
      <t>ハッセイ</t>
    </rPh>
    <phoneticPr fontId="1"/>
  </si>
  <si>
    <t>実際に出張していないにもかかわらず、旅費を不正に受給する。</t>
    <rPh sb="0" eb="2">
      <t>ジッサイ</t>
    </rPh>
    <rPh sb="3" eb="5">
      <t>シュッチョウ</t>
    </rPh>
    <rPh sb="18" eb="20">
      <t>リョヒ</t>
    </rPh>
    <rPh sb="21" eb="23">
      <t>フセイ</t>
    </rPh>
    <rPh sb="24" eb="26">
      <t>ジュキュウ</t>
    </rPh>
    <phoneticPr fontId="1"/>
  </si>
  <si>
    <t>通勤届と異なる方法により通勤し、通勤手当を不正に受給する。</t>
    <rPh sb="0" eb="2">
      <t>ツウキン</t>
    </rPh>
    <rPh sb="2" eb="3">
      <t>トドケ</t>
    </rPh>
    <rPh sb="4" eb="5">
      <t>コト</t>
    </rPh>
    <rPh sb="7" eb="9">
      <t>ホウホウ</t>
    </rPh>
    <rPh sb="12" eb="14">
      <t>ツウキン</t>
    </rPh>
    <rPh sb="16" eb="18">
      <t>ツウキン</t>
    </rPh>
    <rPh sb="18" eb="20">
      <t>テアテ</t>
    </rPh>
    <rPh sb="21" eb="23">
      <t>フセイ</t>
    </rPh>
    <rPh sb="24" eb="26">
      <t>ジュキュウ</t>
    </rPh>
    <phoneticPr fontId="1"/>
  </si>
  <si>
    <t>公印取扱主任又は公印取扱補助員以外の者が公印を押す。
印影刷り込みをした原本、事前押印した文書を施錠できる場所に保管しない。
事前押印した文書があるが、施行管理簿を作成していない。</t>
    <phoneticPr fontId="1"/>
  </si>
  <si>
    <t>公文書の適切な管理をしていなかったために、書類を紛失、誤廃棄する。
図面や情報の適切な管理、事務引継ぎを行わない。</t>
    <phoneticPr fontId="1"/>
  </si>
  <si>
    <t>担当者が業務を抱え込み、処理期限を過ぎる。</t>
  </si>
  <si>
    <t>・条例等の改正時に、条ずれによる引用条項の改正を漏らす。
・法令等の解釈を誤ることで、改正すべき条例等の内容を誤る。</t>
    <rPh sb="34" eb="36">
      <t>カイシャク</t>
    </rPh>
    <rPh sb="50" eb="51">
      <t>トウ</t>
    </rPh>
    <phoneticPr fontId="1"/>
  </si>
  <si>
    <t>他の職員名義で作成した書類に同名の印鑑を押印したり、賃貸借契約書の支払期限を改ざんするなど、書類を偽造する。
決裁後の文書に、決裁権者が了解していない事項や文書を意図的に加えて施行する。</t>
    <rPh sb="0" eb="1">
      <t>タ</t>
    </rPh>
    <rPh sb="2" eb="4">
      <t>ショクイン</t>
    </rPh>
    <rPh sb="4" eb="6">
      <t>メイギ</t>
    </rPh>
    <rPh sb="7" eb="9">
      <t>サクセイ</t>
    </rPh>
    <rPh sb="11" eb="13">
      <t>ショルイ</t>
    </rPh>
    <rPh sb="14" eb="16">
      <t>ドウメイ</t>
    </rPh>
    <rPh sb="17" eb="19">
      <t>インカン</t>
    </rPh>
    <rPh sb="20" eb="22">
      <t>オウイン</t>
    </rPh>
    <rPh sb="26" eb="29">
      <t>チンタイシャク</t>
    </rPh>
    <rPh sb="29" eb="32">
      <t>ケイヤクショ</t>
    </rPh>
    <rPh sb="33" eb="35">
      <t>シハライ</t>
    </rPh>
    <rPh sb="35" eb="37">
      <t>キゲン</t>
    </rPh>
    <rPh sb="38" eb="39">
      <t>カイ</t>
    </rPh>
    <rPh sb="46" eb="48">
      <t>ショルイ</t>
    </rPh>
    <rPh sb="49" eb="51">
      <t>ギゾウ</t>
    </rPh>
    <phoneticPr fontId="1"/>
  </si>
  <si>
    <t>個別</t>
    <rPh sb="0" eb="2">
      <t>コベツ</t>
    </rPh>
    <phoneticPr fontId="1"/>
  </si>
  <si>
    <t>会計局指導課
下水道課</t>
    <rPh sb="0" eb="2">
      <t>カイケイ</t>
    </rPh>
    <rPh sb="2" eb="3">
      <t>キョク</t>
    </rPh>
    <rPh sb="3" eb="5">
      <t>シドウ</t>
    </rPh>
    <rPh sb="5" eb="6">
      <t>カ</t>
    </rPh>
    <rPh sb="7" eb="11">
      <t>ゲスイドウカ</t>
    </rPh>
    <phoneticPr fontId="4"/>
  </si>
  <si>
    <t>会計局指導課</t>
    <rPh sb="0" eb="2">
      <t>カイケイ</t>
    </rPh>
    <rPh sb="2" eb="3">
      <t>キョク</t>
    </rPh>
    <rPh sb="3" eb="5">
      <t>シドウ</t>
    </rPh>
    <rPh sb="5" eb="6">
      <t>カ</t>
    </rPh>
    <phoneticPr fontId="4"/>
  </si>
  <si>
    <t>主な
対象所属</t>
    <rPh sb="0" eb="1">
      <t>オモ</t>
    </rPh>
    <rPh sb="3" eb="5">
      <t>タイショウ</t>
    </rPh>
    <rPh sb="5" eb="7">
      <t>ショゾク</t>
    </rPh>
    <phoneticPr fontId="1"/>
  </si>
  <si>
    <t>リスク評価シート</t>
    <rPh sb="3" eb="5">
      <t>ヒョウカ</t>
    </rPh>
    <phoneticPr fontId="1"/>
  </si>
  <si>
    <t>○個人点検シート、情報セキュリティ監査や研修により、認証情報を適切に管理するよう再徹底を図る。
〇IDを使いまわしたり、パスワードをすぐ確認できる状態で保存しない。</t>
    <rPh sb="26" eb="28">
      <t>ニンショウ</t>
    </rPh>
    <rPh sb="28" eb="30">
      <t>ジョウホウ</t>
    </rPh>
    <rPh sb="31" eb="33">
      <t>テキセツ</t>
    </rPh>
    <rPh sb="34" eb="36">
      <t>カンリ</t>
    </rPh>
    <rPh sb="40" eb="43">
      <t>サイテッテイ</t>
    </rPh>
    <rPh sb="44" eb="45">
      <t>ハカ</t>
    </rPh>
    <rPh sb="52" eb="53">
      <t>ツカ</t>
    </rPh>
    <rPh sb="68" eb="70">
      <t>カクニン</t>
    </rPh>
    <rPh sb="73" eb="75">
      <t>ジョウタイ</t>
    </rPh>
    <rPh sb="76" eb="78">
      <t>ホゾン</t>
    </rPh>
    <phoneticPr fontId="4"/>
  </si>
  <si>
    <t>○個人点検シート、情報セキュリティ監査、個人情報等安全管理監査や研修により、複数人によるチェックを実施するよう再徹底を図る。
〇メール誤送信防止機能を正しく使う。
○特に重要な文書の発送に際して、発送や到達の確認ができるよう、記録が残る方法を選択する。</t>
    <rPh sb="75" eb="76">
      <t>タダ</t>
    </rPh>
    <rPh sb="78" eb="79">
      <t>ツカ</t>
    </rPh>
    <phoneticPr fontId="4"/>
  </si>
  <si>
    <t>○個人点検シート、個人情報に係る事故事例集、情報セキュリティ監査や研修により、複数人によるチェックを実施するよう再徹底を図る。
〇メール誤送信防止防止機能を整備する。</t>
    <rPh sb="18" eb="20">
      <t>ジレイ</t>
    </rPh>
    <rPh sb="20" eb="21">
      <t>シュウ</t>
    </rPh>
    <rPh sb="68" eb="71">
      <t>ゴソウシン</t>
    </rPh>
    <rPh sb="71" eb="73">
      <t>ボウシ</t>
    </rPh>
    <rPh sb="73" eb="75">
      <t>ボウシ</t>
    </rPh>
    <rPh sb="75" eb="77">
      <t>キノウ</t>
    </rPh>
    <rPh sb="78" eb="80">
      <t>セイビ</t>
    </rPh>
    <phoneticPr fontId="1"/>
  </si>
  <si>
    <t>・個人情報の保護に関する法律
・県の各機関の個人情報等取扱事務要綱
・情報セキュリティ監査
・情報セキュリティ研修
・個人点検シート</t>
    <rPh sb="9" eb="10">
      <t>カン</t>
    </rPh>
    <rPh sb="12" eb="14">
      <t>ホウリツ</t>
    </rPh>
    <rPh sb="16" eb="17">
      <t>ケン</t>
    </rPh>
    <rPh sb="18" eb="19">
      <t>カク</t>
    </rPh>
    <rPh sb="35" eb="37">
      <t>ジョウホウ</t>
    </rPh>
    <rPh sb="43" eb="45">
      <t>カンサ</t>
    </rPh>
    <rPh sb="47" eb="49">
      <t>ジョウホウ</t>
    </rPh>
    <rPh sb="55" eb="57">
      <t>ケンシュウ</t>
    </rPh>
    <rPh sb="59" eb="61">
      <t>コジン</t>
    </rPh>
    <rPh sb="61" eb="63">
      <t>テンケン</t>
    </rPh>
    <phoneticPr fontId="1"/>
  </si>
  <si>
    <t>通知等の記載を誤る。
チラシ、HP等に載せる電話番号等を誤る。</t>
    <rPh sb="0" eb="2">
      <t>ツウチ</t>
    </rPh>
    <rPh sb="2" eb="3">
      <t>トウ</t>
    </rPh>
    <rPh sb="4" eb="6">
      <t>キサイ</t>
    </rPh>
    <rPh sb="7" eb="8">
      <t>アヤマ</t>
    </rPh>
    <phoneticPr fontId="1"/>
  </si>
  <si>
    <t>担当G
担当課</t>
    <rPh sb="0" eb="2">
      <t>タントウ</t>
    </rPh>
    <rPh sb="4" eb="7">
      <t>タントウカ</t>
    </rPh>
    <phoneticPr fontId="1"/>
  </si>
  <si>
    <t>担当者名</t>
    <rPh sb="0" eb="3">
      <t>タントウシャ</t>
    </rPh>
    <rPh sb="3" eb="4">
      <t>メイ</t>
    </rPh>
    <phoneticPr fontId="1"/>
  </si>
  <si>
    <t>電話番号
（内線）</t>
    <rPh sb="0" eb="2">
      <t>デンワ</t>
    </rPh>
    <rPh sb="2" eb="4">
      <t>バンゴウ</t>
    </rPh>
    <rPh sb="6" eb="8">
      <t>ナイセン</t>
    </rPh>
    <phoneticPr fontId="1"/>
  </si>
  <si>
    <t>所属正式名称</t>
  </si>
  <si>
    <t>1197</t>
  </si>
  <si>
    <t>知事室</t>
  </si>
  <si>
    <t>0125</t>
  </si>
  <si>
    <t>いのち・未来戦略本部室</t>
  </si>
  <si>
    <t>0101</t>
  </si>
  <si>
    <t>政策局総務室</t>
    <rPh sb="0" eb="3">
      <t>セイサクキョク</t>
    </rPh>
    <phoneticPr fontId="1"/>
  </si>
  <si>
    <t>1160</t>
  </si>
  <si>
    <t>東京事務所</t>
  </si>
  <si>
    <t>1169</t>
  </si>
  <si>
    <t>統計センター</t>
  </si>
  <si>
    <t>0102</t>
  </si>
  <si>
    <t>総合政策課</t>
  </si>
  <si>
    <t>0104</t>
  </si>
  <si>
    <t>土地水資源対策課</t>
  </si>
  <si>
    <t>0217</t>
  </si>
  <si>
    <t>情報公開広聴課</t>
  </si>
  <si>
    <t>0223</t>
  </si>
  <si>
    <t>ＮＰＯ協働推進課</t>
  </si>
  <si>
    <t>0115</t>
  </si>
  <si>
    <t>政策法務課</t>
  </si>
  <si>
    <t>0219</t>
  </si>
  <si>
    <t>公文書館</t>
  </si>
  <si>
    <t>0051</t>
  </si>
  <si>
    <t>かながわ県民活動サポートセンター</t>
  </si>
  <si>
    <t>0103</t>
  </si>
  <si>
    <t>市町村課</t>
  </si>
  <si>
    <t>0111</t>
  </si>
  <si>
    <t>広域連携課</t>
  </si>
  <si>
    <t>0602</t>
  </si>
  <si>
    <t>地域政策課</t>
  </si>
  <si>
    <t>0112</t>
  </si>
  <si>
    <t>基地対策課</t>
  </si>
  <si>
    <t>1100</t>
  </si>
  <si>
    <t>総務局総務室</t>
    <rPh sb="0" eb="3">
      <t>ソウムキョク</t>
    </rPh>
    <phoneticPr fontId="1"/>
  </si>
  <si>
    <t>1120</t>
  </si>
  <si>
    <t>横浜県税事務所</t>
  </si>
  <si>
    <t>1121</t>
  </si>
  <si>
    <t>神奈川県税事務所</t>
  </si>
  <si>
    <t>1144</t>
  </si>
  <si>
    <t>緑県税事務所</t>
  </si>
  <si>
    <t>1139</t>
  </si>
  <si>
    <t>戸塚県税事務所</t>
  </si>
  <si>
    <t>1126</t>
  </si>
  <si>
    <t>川崎県税事務所</t>
  </si>
  <si>
    <t>1127</t>
  </si>
  <si>
    <t>高津県税事務所</t>
  </si>
  <si>
    <t>1130</t>
  </si>
  <si>
    <t>相模原県税事務所</t>
  </si>
  <si>
    <t>1136</t>
  </si>
  <si>
    <t>相模原県税事務所津久井支所</t>
  </si>
  <si>
    <t>1125</t>
  </si>
  <si>
    <t>横須賀県税事務所</t>
  </si>
  <si>
    <t>1132</t>
  </si>
  <si>
    <t>平塚県税事務所</t>
  </si>
  <si>
    <t>1129</t>
  </si>
  <si>
    <t>藤沢県税事務所</t>
  </si>
  <si>
    <t>1133</t>
  </si>
  <si>
    <t>小田原県税事務所</t>
  </si>
  <si>
    <t>1134</t>
  </si>
  <si>
    <t>厚木県税事務所</t>
  </si>
  <si>
    <t>1137</t>
  </si>
  <si>
    <t>自動車税管理事務所</t>
  </si>
  <si>
    <t>0107</t>
  </si>
  <si>
    <t>デジタル戦略本部室</t>
  </si>
  <si>
    <t>1101</t>
  </si>
  <si>
    <t>人事課</t>
  </si>
  <si>
    <t>1102</t>
  </si>
  <si>
    <t>行政管理課</t>
  </si>
  <si>
    <t>1167</t>
  </si>
  <si>
    <t>職員厚生課</t>
  </si>
  <si>
    <t>1108</t>
  </si>
  <si>
    <t>文書課</t>
  </si>
  <si>
    <t>1106</t>
  </si>
  <si>
    <t>給与事務センター</t>
  </si>
  <si>
    <t>1103</t>
  </si>
  <si>
    <t>財政課</t>
  </si>
  <si>
    <t>1104</t>
  </si>
  <si>
    <t>税制企画課</t>
  </si>
  <si>
    <t>0117</t>
  </si>
  <si>
    <t>税務指導課</t>
  </si>
  <si>
    <t>1170</t>
  </si>
  <si>
    <t>財産経営課</t>
  </si>
  <si>
    <t>1171</t>
  </si>
  <si>
    <t>庁舎管理課</t>
  </si>
  <si>
    <t>0305</t>
  </si>
  <si>
    <t>くらし安全防災局総務室</t>
    <rPh sb="3" eb="8">
      <t>アンゼンボウサイキョク</t>
    </rPh>
    <phoneticPr fontId="1"/>
  </si>
  <si>
    <t>0311</t>
  </si>
  <si>
    <t>危機管理防災課</t>
  </si>
  <si>
    <t>0313</t>
  </si>
  <si>
    <t>消防保安課</t>
  </si>
  <si>
    <t>0325</t>
  </si>
  <si>
    <t>温泉地学研究所</t>
  </si>
  <si>
    <t>0341</t>
  </si>
  <si>
    <t>総合防災センター</t>
  </si>
  <si>
    <t>0340</t>
  </si>
  <si>
    <t>消防学校</t>
  </si>
  <si>
    <t>0222</t>
  </si>
  <si>
    <t>くらし安全交通課</t>
  </si>
  <si>
    <t>0207</t>
  </si>
  <si>
    <t>消費生活課</t>
  </si>
  <si>
    <t>0228</t>
  </si>
  <si>
    <t>国際文化観光局総務室</t>
    <rPh sb="0" eb="2">
      <t>コクサイ</t>
    </rPh>
    <rPh sb="2" eb="4">
      <t>ブンカ</t>
    </rPh>
    <rPh sb="4" eb="6">
      <t>カンコウ</t>
    </rPh>
    <rPh sb="6" eb="7">
      <t>キョク</t>
    </rPh>
    <phoneticPr fontId="1"/>
  </si>
  <si>
    <t>0215</t>
  </si>
  <si>
    <t>国際課</t>
  </si>
  <si>
    <t>2315</t>
  </si>
  <si>
    <t>パスポートセンター</t>
  </si>
  <si>
    <t>2317</t>
  </si>
  <si>
    <t>パスポートセンター川崎支所</t>
  </si>
  <si>
    <t>2316</t>
  </si>
  <si>
    <t>パスポートセンター県央支所</t>
  </si>
  <si>
    <t>0204</t>
  </si>
  <si>
    <t>文化課</t>
  </si>
  <si>
    <t>0618</t>
  </si>
  <si>
    <t>観光課</t>
  </si>
  <si>
    <t>0801</t>
  </si>
  <si>
    <t>スポーツ局総務室</t>
    <rPh sb="4" eb="5">
      <t>キョク</t>
    </rPh>
    <phoneticPr fontId="1"/>
  </si>
  <si>
    <t>0802</t>
  </si>
  <si>
    <t>スポーツ課</t>
  </si>
  <si>
    <t>0806</t>
  </si>
  <si>
    <t>スポーツセンター</t>
  </si>
  <si>
    <t>0501</t>
  </si>
  <si>
    <t>環境農政局総務室</t>
    <rPh sb="0" eb="5">
      <t>カンキョウノウセイキョク</t>
    </rPh>
    <phoneticPr fontId="1"/>
  </si>
  <si>
    <t>0502</t>
  </si>
  <si>
    <t>環境計画課</t>
  </si>
  <si>
    <t>0515</t>
  </si>
  <si>
    <t>大気水質課</t>
  </si>
  <si>
    <t>0504</t>
  </si>
  <si>
    <t>資源循環推進課</t>
  </si>
  <si>
    <t>0323</t>
  </si>
  <si>
    <t>環境科学センター</t>
  </si>
  <si>
    <t>0505</t>
  </si>
  <si>
    <t>自然環境保全課</t>
  </si>
  <si>
    <t>0517</t>
  </si>
  <si>
    <t>水源環境保全課</t>
  </si>
  <si>
    <t>0506</t>
  </si>
  <si>
    <t>森林再生課</t>
  </si>
  <si>
    <t>1644</t>
  </si>
  <si>
    <t>自然環境保全センター</t>
  </si>
  <si>
    <t>0519</t>
  </si>
  <si>
    <t>農政課</t>
  </si>
  <si>
    <t>0520</t>
  </si>
  <si>
    <t>農業振興課</t>
  </si>
  <si>
    <t>0509</t>
  </si>
  <si>
    <t>農地課</t>
  </si>
  <si>
    <t>0510</t>
  </si>
  <si>
    <t>畜産課</t>
  </si>
  <si>
    <t>0511</t>
  </si>
  <si>
    <t>水産課</t>
  </si>
  <si>
    <t>1640</t>
  </si>
  <si>
    <t>横浜川崎地区農政事務所</t>
  </si>
  <si>
    <t>1611</t>
  </si>
  <si>
    <t>農業技術センター</t>
  </si>
  <si>
    <t>1618</t>
  </si>
  <si>
    <t>農業技術センター横浜川崎地区事務所</t>
  </si>
  <si>
    <t>1617</t>
  </si>
  <si>
    <t>農業技術センター北相地区事務所</t>
  </si>
  <si>
    <t>1615</t>
  </si>
  <si>
    <t>農業技術センター三浦半島地区事務所</t>
  </si>
  <si>
    <t>1614</t>
  </si>
  <si>
    <t>農業技術センター足柄地区事務所</t>
  </si>
  <si>
    <t>1624</t>
  </si>
  <si>
    <t>かながわ農業アカデミー</t>
  </si>
  <si>
    <t>1622</t>
  </si>
  <si>
    <t>畜産技術センター</t>
  </si>
  <si>
    <t>1714</t>
  </si>
  <si>
    <t>県央家畜保健衛生所</t>
  </si>
  <si>
    <t>1711</t>
  </si>
  <si>
    <t>湘南家畜保健衛生所</t>
  </si>
  <si>
    <t>1730</t>
  </si>
  <si>
    <t>水産技術センター</t>
  </si>
  <si>
    <t>1734</t>
  </si>
  <si>
    <t>水産技術センター内水面試験場</t>
  </si>
  <si>
    <t>1732</t>
  </si>
  <si>
    <t>水産技術センター相模湾試験場</t>
  </si>
  <si>
    <t>1740</t>
  </si>
  <si>
    <t>東部漁港事務所</t>
  </si>
  <si>
    <t>1741</t>
  </si>
  <si>
    <t>西部漁港事務所</t>
  </si>
  <si>
    <t>0200</t>
  </si>
  <si>
    <t>福祉子どもみらい局総務室</t>
    <rPh sb="0" eb="3">
      <t>フクシコ</t>
    </rPh>
    <phoneticPr fontId="1"/>
  </si>
  <si>
    <t>1334</t>
  </si>
  <si>
    <t>共生推進本部室</t>
  </si>
  <si>
    <t>0050</t>
  </si>
  <si>
    <t>かながわ男女共同参画センター</t>
  </si>
  <si>
    <t>1330</t>
  </si>
  <si>
    <t>女性相談所</t>
  </si>
  <si>
    <t>1386</t>
  </si>
  <si>
    <t>次世代育成課</t>
  </si>
  <si>
    <t>1395</t>
  </si>
  <si>
    <t>子ども家庭課</t>
  </si>
  <si>
    <t>0214</t>
  </si>
  <si>
    <t>青少年課</t>
  </si>
  <si>
    <t>0203</t>
  </si>
  <si>
    <t>私学振興課</t>
  </si>
  <si>
    <t>1340</t>
  </si>
  <si>
    <t>中央児童相談所</t>
  </si>
  <si>
    <t>1346</t>
  </si>
  <si>
    <t>平塚児童相談所</t>
  </si>
  <si>
    <t>1341</t>
  </si>
  <si>
    <t>鎌倉三浦地域児童相談所</t>
  </si>
  <si>
    <t>1343</t>
  </si>
  <si>
    <t>小田原児童相談所</t>
  </si>
  <si>
    <t>1345</t>
  </si>
  <si>
    <t>厚木児童相談所</t>
  </si>
  <si>
    <t>1342</t>
  </si>
  <si>
    <t>大和綾瀬地域児童相談所</t>
  </si>
  <si>
    <t>1329</t>
  </si>
  <si>
    <t>子ども自立生活支援センター</t>
  </si>
  <si>
    <t>1353</t>
  </si>
  <si>
    <t>おおいそ学園</t>
  </si>
  <si>
    <t>0230</t>
  </si>
  <si>
    <t>青少年センター</t>
  </si>
  <si>
    <t>1321</t>
  </si>
  <si>
    <t>地域福祉課</t>
  </si>
  <si>
    <t>1393</t>
  </si>
  <si>
    <t>高齢福祉課</t>
  </si>
  <si>
    <t>1309</t>
  </si>
  <si>
    <t>障害福祉課</t>
  </si>
  <si>
    <t>1333</t>
  </si>
  <si>
    <t>障害サービス課</t>
  </si>
  <si>
    <t>1305</t>
  </si>
  <si>
    <t>生活援護課</t>
  </si>
  <si>
    <t>1359</t>
  </si>
  <si>
    <t>総合療育相談センター</t>
  </si>
  <si>
    <t>1323</t>
  </si>
  <si>
    <t>さがみ緑風園</t>
  </si>
  <si>
    <t>1356</t>
  </si>
  <si>
    <t>中井やまゆり園</t>
  </si>
  <si>
    <t>1397</t>
  </si>
  <si>
    <t>健康医療局総務室</t>
    <rPh sb="0" eb="2">
      <t>ケンコウ</t>
    </rPh>
    <rPh sb="2" eb="4">
      <t>イリョウ</t>
    </rPh>
    <rPh sb="4" eb="5">
      <t>キョク</t>
    </rPh>
    <phoneticPr fontId="1"/>
  </si>
  <si>
    <t>1540</t>
  </si>
  <si>
    <t>衛生研究所</t>
  </si>
  <si>
    <t>1577</t>
  </si>
  <si>
    <t>平塚保健福祉事務所</t>
  </si>
  <si>
    <t>1586</t>
  </si>
  <si>
    <t>平塚保健福祉事務所秦野センター</t>
  </si>
  <si>
    <t>1583</t>
  </si>
  <si>
    <t>平塚保健福祉事務所茅ケ崎支所</t>
  </si>
  <si>
    <t>1578</t>
  </si>
  <si>
    <t>鎌倉保健福祉事務所</t>
  </si>
  <si>
    <t>1585</t>
  </si>
  <si>
    <t>鎌倉保健福祉事務所三崎センター</t>
  </si>
  <si>
    <t>1582</t>
  </si>
  <si>
    <t>小田原保健福祉事務所</t>
  </si>
  <si>
    <t>1589</t>
  </si>
  <si>
    <t>小田原保健福祉事務所足柄上センター</t>
  </si>
  <si>
    <t>1587</t>
  </si>
  <si>
    <t>厚木保健福祉事務所</t>
  </si>
  <si>
    <t>1588</t>
  </si>
  <si>
    <t>厚木保健福祉事務所大和センター</t>
  </si>
  <si>
    <t>1369</t>
  </si>
  <si>
    <t>医療危機対策本部室</t>
  </si>
  <si>
    <t>1319</t>
  </si>
  <si>
    <t>県立病院課</t>
  </si>
  <si>
    <t>1512</t>
  </si>
  <si>
    <t>煤ケ谷診療所</t>
  </si>
  <si>
    <t>1507</t>
  </si>
  <si>
    <t>医療課</t>
  </si>
  <si>
    <t>1385</t>
  </si>
  <si>
    <t>医療保険課</t>
  </si>
  <si>
    <t>1504</t>
  </si>
  <si>
    <t>健康増進課</t>
  </si>
  <si>
    <t>1383</t>
  </si>
  <si>
    <t>がん・疾病対策課</t>
  </si>
  <si>
    <t>1533</t>
  </si>
  <si>
    <t>衛生看護専門学校</t>
  </si>
  <si>
    <t>1569</t>
  </si>
  <si>
    <t>よこはま看護専門学校</t>
  </si>
  <si>
    <t>1532</t>
  </si>
  <si>
    <t>平塚看護大学校</t>
  </si>
  <si>
    <t>1590</t>
  </si>
  <si>
    <t>精神保健福祉センター</t>
  </si>
  <si>
    <t>1575</t>
  </si>
  <si>
    <t>生活衛生課</t>
  </si>
  <si>
    <t>1505</t>
  </si>
  <si>
    <t>薬務課</t>
  </si>
  <si>
    <t>1572</t>
  </si>
  <si>
    <t>食肉衛生検査所</t>
  </si>
  <si>
    <t>1594</t>
  </si>
  <si>
    <t>動物愛護センター</t>
  </si>
  <si>
    <t>0600</t>
  </si>
  <si>
    <t>産業労働局総務室</t>
    <rPh sb="0" eb="5">
      <t>サンギョウロウドウキョク</t>
    </rPh>
    <phoneticPr fontId="1"/>
  </si>
  <si>
    <t>1827</t>
  </si>
  <si>
    <t>計量検定所</t>
  </si>
  <si>
    <t>0604</t>
  </si>
  <si>
    <t>産業振興課</t>
  </si>
  <si>
    <t>0612</t>
  </si>
  <si>
    <t>企業誘致・国際ビジネス課</t>
  </si>
  <si>
    <t>0521</t>
  </si>
  <si>
    <t>エネルギー課</t>
  </si>
  <si>
    <t>0601</t>
  </si>
  <si>
    <t>中小企業支援課</t>
  </si>
  <si>
    <t>0603</t>
  </si>
  <si>
    <t>商業流通課</t>
  </si>
  <si>
    <t>0605</t>
  </si>
  <si>
    <t>金融課</t>
  </si>
  <si>
    <t>0607</t>
  </si>
  <si>
    <t>雇用労政課</t>
  </si>
  <si>
    <t>0606</t>
  </si>
  <si>
    <t>産業人材課</t>
  </si>
  <si>
    <t>1480</t>
  </si>
  <si>
    <t>かながわ労働センター</t>
  </si>
  <si>
    <t>1482</t>
  </si>
  <si>
    <t>かながわ労働センター川崎支所</t>
  </si>
  <si>
    <t>1490</t>
  </si>
  <si>
    <t>かながわ労働センター県央支所</t>
  </si>
  <si>
    <t>1491</t>
  </si>
  <si>
    <t>かながわ労働センター湘南支所</t>
  </si>
  <si>
    <t>1422</t>
  </si>
  <si>
    <t>障害者雇用促進センター</t>
  </si>
  <si>
    <t>1465</t>
  </si>
  <si>
    <t>産業技術短期大学校</t>
  </si>
  <si>
    <t>1467</t>
  </si>
  <si>
    <t>東部総合職業技術校</t>
  </si>
  <si>
    <t>1468</t>
  </si>
  <si>
    <t>東部総合職業技術校二俣川支所</t>
  </si>
  <si>
    <t>1469</t>
  </si>
  <si>
    <t>西部総合職業技術校</t>
  </si>
  <si>
    <t>1460</t>
  </si>
  <si>
    <t>神奈川障害者職業能力開発校</t>
  </si>
  <si>
    <t>0700</t>
  </si>
  <si>
    <t>県土整備局総務室</t>
    <rPh sb="0" eb="2">
      <t>ケンド</t>
    </rPh>
    <rPh sb="2" eb="4">
      <t>セイビ</t>
    </rPh>
    <rPh sb="4" eb="5">
      <t>キョク</t>
    </rPh>
    <phoneticPr fontId="1"/>
  </si>
  <si>
    <t>1910</t>
  </si>
  <si>
    <t>横須賀土木事務所</t>
  </si>
  <si>
    <t>1912</t>
  </si>
  <si>
    <t>平塚土木事務所</t>
  </si>
  <si>
    <t>1913</t>
  </si>
  <si>
    <t>藤沢土木事務所</t>
  </si>
  <si>
    <t>1915</t>
  </si>
  <si>
    <t>厚木土木事務所</t>
  </si>
  <si>
    <t>1918</t>
  </si>
  <si>
    <t>厚木土木事務所東部センター</t>
  </si>
  <si>
    <t>1917</t>
  </si>
  <si>
    <t>厚木土木事務所津久井治水センター</t>
  </si>
  <si>
    <t>1916</t>
  </si>
  <si>
    <t>県西土木事務所</t>
  </si>
  <si>
    <t>1914</t>
  </si>
  <si>
    <t>県西土木事務所小田原土木センター</t>
  </si>
  <si>
    <t>1945</t>
  </si>
  <si>
    <t>横浜川崎治水事務所</t>
  </si>
  <si>
    <t>1911</t>
  </si>
  <si>
    <t>横浜川崎治水事務所川崎治水センター</t>
  </si>
  <si>
    <t>1920</t>
  </si>
  <si>
    <t>リニア中央新幹線推進事務所</t>
  </si>
  <si>
    <t>0422</t>
  </si>
  <si>
    <t>流域下水道整備事務所</t>
  </si>
  <si>
    <t>1919</t>
  </si>
  <si>
    <t>住宅営繕事務所</t>
  </si>
  <si>
    <t>1966</t>
  </si>
  <si>
    <t>城山ダム管理事務所</t>
  </si>
  <si>
    <t>1965</t>
  </si>
  <si>
    <t>三保ダム管理事務所</t>
  </si>
  <si>
    <t>0701</t>
  </si>
  <si>
    <t>県土整備経理課</t>
  </si>
  <si>
    <t>0707</t>
  </si>
  <si>
    <t>建設業課</t>
  </si>
  <si>
    <t>0703</t>
  </si>
  <si>
    <t>用地課</t>
  </si>
  <si>
    <t>0704</t>
  </si>
  <si>
    <t>都市計画課</t>
  </si>
  <si>
    <t>0702</t>
  </si>
  <si>
    <t>技術管理課</t>
  </si>
  <si>
    <t>0715</t>
  </si>
  <si>
    <t>環境共生都市課</t>
  </si>
  <si>
    <t>0716</t>
  </si>
  <si>
    <t>交通企画課</t>
  </si>
  <si>
    <t>0705</t>
  </si>
  <si>
    <t>都市整備課</t>
  </si>
  <si>
    <t>0717</t>
  </si>
  <si>
    <t>都市公園課</t>
  </si>
  <si>
    <t>0718</t>
  </si>
  <si>
    <t>道路企画課</t>
  </si>
  <si>
    <t>0708</t>
  </si>
  <si>
    <t>道路管理課</t>
  </si>
  <si>
    <t>0709</t>
  </si>
  <si>
    <t>道路整備課</t>
  </si>
  <si>
    <t>0711</t>
  </si>
  <si>
    <t>河港課</t>
  </si>
  <si>
    <t>0712</t>
  </si>
  <si>
    <t>砂防課</t>
  </si>
  <si>
    <t>0710</t>
  </si>
  <si>
    <t>下水道課</t>
  </si>
  <si>
    <t>0720</t>
  </si>
  <si>
    <t>住宅計画課</t>
  </si>
  <si>
    <t>0714</t>
  </si>
  <si>
    <t>公共住宅課</t>
  </si>
  <si>
    <t>0706</t>
  </si>
  <si>
    <t>建築指導課</t>
  </si>
  <si>
    <t>0721</t>
  </si>
  <si>
    <t>建築安全課</t>
  </si>
  <si>
    <t>1172</t>
  </si>
  <si>
    <t>営繕計画課</t>
  </si>
  <si>
    <t>2103</t>
  </si>
  <si>
    <t>会計課</t>
  </si>
  <si>
    <t>2105</t>
  </si>
  <si>
    <t>指導課</t>
  </si>
  <si>
    <t>2101</t>
  </si>
  <si>
    <t>調達課</t>
  </si>
  <si>
    <t>0022</t>
  </si>
  <si>
    <t>横須賀三浦地域県政総合センター</t>
  </si>
  <si>
    <t>0023</t>
  </si>
  <si>
    <t>県央地域県政総合センター</t>
  </si>
  <si>
    <t>0024</t>
  </si>
  <si>
    <t>湘南地域県政総合センター</t>
  </si>
  <si>
    <t>0026</t>
  </si>
  <si>
    <t>県西地域県政総合センター</t>
  </si>
  <si>
    <t>9301</t>
  </si>
  <si>
    <t>労働委員会事務局</t>
  </si>
  <si>
    <t>9311</t>
  </si>
  <si>
    <t>審査調整課</t>
  </si>
  <si>
    <t>9600</t>
  </si>
  <si>
    <t>収用委員会事務局</t>
  </si>
  <si>
    <t>3001</t>
  </si>
  <si>
    <t>企業庁総務室</t>
    <rPh sb="0" eb="3">
      <t>キギョウチョウ</t>
    </rPh>
    <phoneticPr fontId="1"/>
  </si>
  <si>
    <t>3002</t>
  </si>
  <si>
    <t>財務課</t>
  </si>
  <si>
    <t>3007</t>
  </si>
  <si>
    <t>3003</t>
  </si>
  <si>
    <t>財産管理課</t>
  </si>
  <si>
    <t>3008</t>
  </si>
  <si>
    <t>情報管理課</t>
  </si>
  <si>
    <t>3151</t>
  </si>
  <si>
    <t>経営課</t>
  </si>
  <si>
    <t>3152</t>
  </si>
  <si>
    <t>計画課</t>
  </si>
  <si>
    <t>3153</t>
  </si>
  <si>
    <t>水道施設課</t>
  </si>
  <si>
    <t>3155</t>
  </si>
  <si>
    <t>浄水課</t>
  </si>
  <si>
    <t>3110</t>
  </si>
  <si>
    <t>相模原水道営業所</t>
  </si>
  <si>
    <t>3119</t>
  </si>
  <si>
    <t>相模原南水道営業所</t>
  </si>
  <si>
    <t>3122</t>
  </si>
  <si>
    <t>津久井水道営業所</t>
  </si>
  <si>
    <t>3112</t>
  </si>
  <si>
    <t>鎌倉水道営業所</t>
  </si>
  <si>
    <t>3113</t>
  </si>
  <si>
    <t>藤沢水道営業所</t>
  </si>
  <si>
    <t>3114</t>
  </si>
  <si>
    <t>茅ケ崎水道営業所</t>
  </si>
  <si>
    <t>3115</t>
  </si>
  <si>
    <t>平塚水道営業所</t>
  </si>
  <si>
    <t>3117</t>
  </si>
  <si>
    <t>厚木水道営業所</t>
  </si>
  <si>
    <t>3126</t>
  </si>
  <si>
    <t>海老名水道営業所</t>
  </si>
  <si>
    <t>3116</t>
  </si>
  <si>
    <t>大和水道営業所</t>
  </si>
  <si>
    <t>3120</t>
  </si>
  <si>
    <t>寒川浄水場</t>
  </si>
  <si>
    <t>3121</t>
  </si>
  <si>
    <t>谷ケ原浄水場</t>
  </si>
  <si>
    <t>3140</t>
  </si>
  <si>
    <t>水道水質センター</t>
  </si>
  <si>
    <t>3204</t>
  </si>
  <si>
    <t>利水課</t>
  </si>
  <si>
    <t>3205</t>
  </si>
  <si>
    <t>発電課</t>
  </si>
  <si>
    <t>3010</t>
  </si>
  <si>
    <t>相模川水系ダム管理事務所</t>
  </si>
  <si>
    <t>3011</t>
  </si>
  <si>
    <t>酒匂川水系ダム管理事務所</t>
  </si>
  <si>
    <t>3212</t>
  </si>
  <si>
    <t>相模川発電管理事務所</t>
  </si>
  <si>
    <t>3226</t>
  </si>
  <si>
    <t>発電総合制御所</t>
  </si>
  <si>
    <t>9011</t>
  </si>
  <si>
    <t>議会局総務課</t>
    <rPh sb="0" eb="3">
      <t>ギカイキョク</t>
    </rPh>
    <phoneticPr fontId="1"/>
  </si>
  <si>
    <t>9014</t>
  </si>
  <si>
    <t>経理課</t>
  </si>
  <si>
    <t>9001</t>
  </si>
  <si>
    <t>議会局</t>
  </si>
  <si>
    <t>9012</t>
  </si>
  <si>
    <t>議事課</t>
  </si>
  <si>
    <t>9013</t>
  </si>
  <si>
    <t>政策調査課</t>
  </si>
  <si>
    <t>9101</t>
  </si>
  <si>
    <t>人事委員会事務局</t>
  </si>
  <si>
    <t>9111</t>
  </si>
  <si>
    <t>人事委員会事務局総務課</t>
    <rPh sb="0" eb="8">
      <t>ジンジイインカイジムキョク</t>
    </rPh>
    <phoneticPr fontId="1"/>
  </si>
  <si>
    <t>9114</t>
  </si>
  <si>
    <t>給与公平課</t>
  </si>
  <si>
    <t>9201</t>
  </si>
  <si>
    <t>監査事務局</t>
  </si>
  <si>
    <t>9211</t>
  </si>
  <si>
    <t>監査委員会事務局総務課</t>
    <rPh sb="0" eb="5">
      <t>カンサイインカイ</t>
    </rPh>
    <rPh sb="5" eb="8">
      <t>ジムキョク</t>
    </rPh>
    <phoneticPr fontId="1"/>
  </si>
  <si>
    <t>9212</t>
  </si>
  <si>
    <t>監査課</t>
  </si>
  <si>
    <t>9400</t>
  </si>
  <si>
    <t>選挙管理委員会</t>
  </si>
  <si>
    <t>9500</t>
  </si>
  <si>
    <t>神奈川海区漁業調整委員会事務局</t>
  </si>
  <si>
    <t>9510</t>
  </si>
  <si>
    <t>内水面漁場管理委員会事務局</t>
  </si>
  <si>
    <t>別添１</t>
    <rPh sb="0" eb="2">
      <t>ベッテ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15" x14ac:knownFonts="1">
    <font>
      <sz val="12"/>
      <color theme="1"/>
      <name val="ＭＳ 明朝"/>
      <family val="2"/>
      <charset val="128"/>
    </font>
    <font>
      <sz val="6"/>
      <name val="ＭＳ 明朝"/>
      <family val="2"/>
      <charset val="128"/>
    </font>
    <font>
      <sz val="8"/>
      <color theme="1"/>
      <name val="ＭＳ ゴシック"/>
      <family val="3"/>
      <charset val="128"/>
    </font>
    <font>
      <sz val="16"/>
      <color theme="1"/>
      <name val="ＭＳ ゴシック"/>
      <family val="3"/>
      <charset val="128"/>
    </font>
    <font>
      <sz val="12"/>
      <color theme="1"/>
      <name val="ＭＳ ゴシック"/>
      <family val="3"/>
      <charset val="128"/>
    </font>
    <font>
      <sz val="14"/>
      <color theme="1"/>
      <name val="ＭＳ ゴシック"/>
      <family val="3"/>
      <charset val="128"/>
    </font>
    <font>
      <strike/>
      <sz val="12"/>
      <color rgb="FFFF0000"/>
      <name val="ＭＳ 明朝"/>
      <family val="1"/>
      <charset val="128"/>
    </font>
    <font>
      <sz val="11"/>
      <color theme="1"/>
      <name val="ＭＳ ゴシック"/>
      <family val="3"/>
      <charset val="128"/>
    </font>
    <font>
      <b/>
      <sz val="11"/>
      <color theme="1"/>
      <name val="ＭＳ ゴシック"/>
      <family val="3"/>
      <charset val="128"/>
    </font>
    <font>
      <sz val="11"/>
      <name val="ＭＳ 明朝"/>
      <family val="1"/>
      <charset val="128"/>
    </font>
    <font>
      <sz val="10"/>
      <name val="ＭＳ 明朝"/>
      <family val="1"/>
      <charset val="128"/>
    </font>
    <font>
      <b/>
      <sz val="9"/>
      <color indexed="81"/>
      <name val="ＭＳ Ｐゴシック"/>
      <family val="3"/>
      <charset val="128"/>
    </font>
    <font>
      <sz val="11"/>
      <color theme="1"/>
      <name val="ＭＳ Ｐゴシック"/>
      <family val="2"/>
      <scheme val="minor"/>
    </font>
    <font>
      <sz val="11"/>
      <color theme="1"/>
      <name val="ＭＳ 明朝"/>
      <family val="1"/>
      <charset val="128"/>
    </font>
    <font>
      <sz val="14"/>
      <color theme="1"/>
      <name val="ＭＳ 明朝"/>
      <family val="1"/>
      <charset val="128"/>
    </font>
  </fonts>
  <fills count="5">
    <fill>
      <patternFill patternType="none"/>
    </fill>
    <fill>
      <patternFill patternType="gray125"/>
    </fill>
    <fill>
      <patternFill patternType="solid">
        <fgColor theme="7" tint="0.79998168889431442"/>
        <bgColor indexed="64"/>
      </patternFill>
    </fill>
    <fill>
      <patternFill patternType="solid">
        <fgColor rgb="FFFFFF00"/>
        <bgColor indexed="64"/>
      </patternFill>
    </fill>
    <fill>
      <patternFill patternType="solid">
        <fgColor theme="0" tint="-0.249977111117893"/>
        <bgColor indexed="64"/>
      </patternFill>
    </fill>
  </fills>
  <borders count="21">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bottom/>
      <diagonal/>
    </border>
    <border>
      <left/>
      <right style="thin">
        <color indexed="64"/>
      </right>
      <top style="thin">
        <color indexed="64"/>
      </top>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medium">
        <color indexed="64"/>
      </bottom>
      <diagonal/>
    </border>
    <border>
      <left/>
      <right/>
      <top style="thin">
        <color indexed="64"/>
      </top>
      <bottom style="thin">
        <color indexed="64"/>
      </bottom>
      <diagonal/>
    </border>
    <border>
      <left/>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s>
  <cellStyleXfs count="2">
    <xf numFmtId="0" fontId="0" fillId="0" borderId="0">
      <alignment vertical="center"/>
    </xf>
    <xf numFmtId="0" fontId="12" fillId="0" borderId="0"/>
  </cellStyleXfs>
  <cellXfs count="70">
    <xf numFmtId="0" fontId="0" fillId="0" borderId="0" xfId="0">
      <alignment vertical="center"/>
    </xf>
    <xf numFmtId="0" fontId="2" fillId="0" borderId="0" xfId="0" applyFont="1" applyAlignment="1">
      <alignment vertical="center" wrapText="1"/>
    </xf>
    <xf numFmtId="0" fontId="2" fillId="0" borderId="0" xfId="0" applyFont="1" applyAlignment="1">
      <alignment vertical="center"/>
    </xf>
    <xf numFmtId="0" fontId="2" fillId="0" borderId="0" xfId="0" applyFont="1" applyAlignment="1">
      <alignment horizontal="center" vertical="center" wrapText="1"/>
    </xf>
    <xf numFmtId="0" fontId="4" fillId="0" borderId="0" xfId="0" applyFont="1" applyAlignment="1">
      <alignment vertical="center" wrapText="1"/>
    </xf>
    <xf numFmtId="0" fontId="9" fillId="0" borderId="1" xfId="0" applyFont="1" applyFill="1" applyBorder="1" applyAlignment="1">
      <alignment horizontal="center" vertical="center" wrapText="1"/>
    </xf>
    <xf numFmtId="0" fontId="9" fillId="0" borderId="1" xfId="0" applyFont="1" applyFill="1" applyBorder="1" applyAlignment="1">
      <alignment vertical="center" wrapText="1"/>
    </xf>
    <xf numFmtId="0" fontId="9" fillId="0" borderId="7" xfId="0" applyFont="1" applyFill="1" applyBorder="1" applyAlignment="1">
      <alignment horizontal="center" vertical="center" wrapText="1"/>
    </xf>
    <xf numFmtId="0" fontId="2" fillId="0" borderId="0" xfId="0" applyFont="1" applyBorder="1" applyAlignment="1">
      <alignment vertical="center" wrapText="1"/>
    </xf>
    <xf numFmtId="0" fontId="2" fillId="0" borderId="0" xfId="0" applyFont="1" applyBorder="1" applyAlignment="1">
      <alignment horizontal="center" vertical="center" wrapText="1"/>
    </xf>
    <xf numFmtId="0" fontId="9" fillId="0" borderId="2" xfId="0" applyFont="1" applyFill="1" applyBorder="1" applyAlignment="1">
      <alignment horizontal="center" vertical="center" wrapText="1"/>
    </xf>
    <xf numFmtId="0" fontId="9" fillId="0" borderId="2" xfId="0" applyFont="1" applyFill="1" applyBorder="1" applyAlignment="1">
      <alignment vertical="center" wrapText="1"/>
    </xf>
    <xf numFmtId="0" fontId="9" fillId="0" borderId="6" xfId="0" applyFont="1" applyFill="1" applyBorder="1" applyAlignment="1">
      <alignment horizontal="center" vertical="center" wrapText="1"/>
    </xf>
    <xf numFmtId="0" fontId="9" fillId="0" borderId="11" xfId="0" applyFont="1" applyBorder="1" applyAlignment="1">
      <alignment horizontal="center" vertical="center" wrapText="1"/>
    </xf>
    <xf numFmtId="0" fontId="9" fillId="0" borderId="6" xfId="0" applyFont="1" applyBorder="1" applyAlignment="1">
      <alignment horizontal="center" vertical="center" wrapText="1"/>
    </xf>
    <xf numFmtId="0" fontId="9" fillId="0" borderId="11" xfId="0" applyFont="1" applyFill="1" applyBorder="1" applyAlignment="1">
      <alignment horizontal="center" vertical="center" wrapText="1"/>
    </xf>
    <xf numFmtId="0" fontId="4" fillId="0" borderId="0" xfId="0" applyFont="1" applyAlignment="1">
      <alignment vertical="center" wrapText="1"/>
    </xf>
    <xf numFmtId="0" fontId="7" fillId="2" borderId="12" xfId="0" applyFont="1" applyFill="1" applyBorder="1" applyAlignment="1">
      <alignment horizontal="center" vertical="center" wrapText="1"/>
    </xf>
    <xf numFmtId="0" fontId="9" fillId="2" borderId="13" xfId="0" applyFont="1" applyFill="1" applyBorder="1" applyAlignment="1">
      <alignment vertical="center" wrapText="1"/>
    </xf>
    <xf numFmtId="0" fontId="9" fillId="2" borderId="12" xfId="0" applyFont="1" applyFill="1" applyBorder="1" applyAlignment="1">
      <alignment vertical="center" wrapText="1"/>
    </xf>
    <xf numFmtId="0" fontId="9" fillId="2" borderId="14" xfId="0" applyFont="1" applyFill="1" applyBorder="1" applyAlignment="1">
      <alignment vertical="center" wrapText="1"/>
    </xf>
    <xf numFmtId="0" fontId="9" fillId="0" borderId="1" xfId="0" applyFont="1" applyFill="1" applyBorder="1" applyAlignment="1">
      <alignment vertical="top" wrapText="1"/>
    </xf>
    <xf numFmtId="0" fontId="10" fillId="0" borderId="1" xfId="0" applyFont="1" applyFill="1" applyBorder="1" applyAlignment="1">
      <alignment horizontal="left" vertical="top" wrapText="1"/>
    </xf>
    <xf numFmtId="0" fontId="9" fillId="0" borderId="4" xfId="0" applyFont="1" applyFill="1" applyBorder="1" applyAlignment="1">
      <alignment vertical="top" wrapText="1"/>
    </xf>
    <xf numFmtId="0" fontId="9" fillId="0" borderId="2" xfId="0" applyFont="1" applyFill="1" applyBorder="1" applyAlignment="1">
      <alignment vertical="top" wrapText="1"/>
    </xf>
    <xf numFmtId="0" fontId="9" fillId="0" borderId="2" xfId="0" applyFont="1" applyBorder="1" applyAlignment="1">
      <alignment vertical="top" wrapText="1"/>
    </xf>
    <xf numFmtId="0" fontId="10" fillId="0" borderId="2" xfId="0" applyFont="1" applyFill="1" applyBorder="1" applyAlignment="1">
      <alignment vertical="top" wrapText="1"/>
    </xf>
    <xf numFmtId="0" fontId="10" fillId="0" borderId="1" xfId="0" applyFont="1" applyFill="1" applyBorder="1" applyAlignment="1">
      <alignment vertical="top" wrapText="1"/>
    </xf>
    <xf numFmtId="0" fontId="9" fillId="0" borderId="1" xfId="0" applyFont="1" applyFill="1" applyBorder="1" applyAlignment="1">
      <alignment horizontal="justify" vertical="top"/>
    </xf>
    <xf numFmtId="0" fontId="9" fillId="0" borderId="1" xfId="0" applyFont="1" applyBorder="1" applyAlignment="1">
      <alignment vertical="top" wrapText="1"/>
    </xf>
    <xf numFmtId="0" fontId="10" fillId="0" borderId="4" xfId="0" applyFont="1" applyFill="1" applyBorder="1" applyAlignment="1">
      <alignment vertical="top" wrapText="1"/>
    </xf>
    <xf numFmtId="176" fontId="0" fillId="4" borderId="8" xfId="0" applyNumberFormat="1" applyFill="1" applyBorder="1" applyAlignment="1">
      <alignment vertical="center"/>
    </xf>
    <xf numFmtId="49" fontId="0" fillId="4" borderId="8" xfId="0" applyNumberFormat="1" applyFill="1" applyBorder="1" applyAlignment="1">
      <alignment vertical="center"/>
    </xf>
    <xf numFmtId="176" fontId="0" fillId="0" borderId="0" xfId="0" applyNumberFormat="1">
      <alignment vertical="center"/>
    </xf>
    <xf numFmtId="49" fontId="0" fillId="0" borderId="0" xfId="0" applyNumberFormat="1">
      <alignment vertical="center"/>
    </xf>
    <xf numFmtId="0" fontId="13" fillId="0" borderId="4" xfId="0" applyFont="1" applyFill="1" applyBorder="1" applyAlignment="1">
      <alignment horizontal="left" vertical="top" wrapText="1"/>
    </xf>
    <xf numFmtId="0" fontId="13" fillId="0" borderId="1" xfId="0" applyFont="1" applyFill="1" applyBorder="1" applyAlignment="1">
      <alignment vertical="top" wrapText="1"/>
    </xf>
    <xf numFmtId="0" fontId="13" fillId="0" borderId="4" xfId="0" applyFont="1" applyBorder="1" applyAlignment="1">
      <alignment vertical="top" wrapText="1"/>
    </xf>
    <xf numFmtId="0" fontId="7" fillId="0" borderId="6" xfId="0" applyFont="1" applyFill="1" applyBorder="1" applyAlignment="1">
      <alignment horizontal="centerContinuous" vertical="center" wrapText="1"/>
    </xf>
    <xf numFmtId="0" fontId="7" fillId="0" borderId="1" xfId="0" applyFont="1" applyFill="1" applyBorder="1" applyAlignment="1">
      <alignment horizontal="centerContinuous" vertical="center" wrapText="1"/>
    </xf>
    <xf numFmtId="0" fontId="7" fillId="0" borderId="15" xfId="0" applyFont="1" applyFill="1" applyBorder="1" applyAlignment="1">
      <alignment horizontal="centerContinuous" vertical="center" wrapText="1"/>
    </xf>
    <xf numFmtId="49" fontId="4" fillId="0" borderId="16" xfId="0" applyNumberFormat="1" applyFont="1" applyFill="1" applyBorder="1" applyAlignment="1">
      <alignment vertical="center" wrapText="1"/>
    </xf>
    <xf numFmtId="0" fontId="5" fillId="0" borderId="16" xfId="0" applyFont="1" applyFill="1" applyBorder="1" applyAlignment="1">
      <alignment horizontal="center" vertical="center" wrapText="1"/>
    </xf>
    <xf numFmtId="0" fontId="5" fillId="0" borderId="16" xfId="0" applyFont="1" applyFill="1" applyBorder="1" applyAlignment="1">
      <alignment vertical="center" wrapText="1"/>
    </xf>
    <xf numFmtId="0" fontId="8" fillId="0" borderId="16" xfId="0" applyFont="1" applyFill="1" applyBorder="1" applyAlignment="1">
      <alignment vertical="center" wrapText="1"/>
    </xf>
    <xf numFmtId="0" fontId="4" fillId="0" borderId="16" xfId="0" applyFont="1" applyFill="1" applyBorder="1" applyAlignment="1">
      <alignment vertical="center" wrapText="1"/>
    </xf>
    <xf numFmtId="0" fontId="2" fillId="0" borderId="0" xfId="0" applyFont="1" applyBorder="1" applyAlignment="1">
      <alignment vertical="center"/>
    </xf>
    <xf numFmtId="0" fontId="3" fillId="0" borderId="0" xfId="0" applyFont="1" applyBorder="1" applyAlignment="1">
      <alignment horizontal="centerContinuous" vertical="center"/>
    </xf>
    <xf numFmtId="0" fontId="14" fillId="0" borderId="0" xfId="0" applyFont="1" applyBorder="1" applyAlignment="1">
      <alignment horizontal="right" vertical="center"/>
    </xf>
    <xf numFmtId="49" fontId="4" fillId="3" borderId="19" xfId="0" applyNumberFormat="1" applyFont="1" applyFill="1" applyBorder="1" applyAlignment="1">
      <alignment vertical="center" wrapText="1"/>
    </xf>
    <xf numFmtId="0" fontId="5" fillId="3" borderId="17" xfId="0" applyFont="1" applyFill="1" applyBorder="1" applyAlignment="1">
      <alignment horizontal="center" vertical="center" wrapText="1"/>
    </xf>
    <xf numFmtId="0" fontId="5" fillId="3" borderId="19" xfId="0" applyFont="1" applyFill="1" applyBorder="1" applyAlignment="1">
      <alignment vertical="center" wrapText="1"/>
    </xf>
    <xf numFmtId="0" fontId="8" fillId="3" borderId="17" xfId="0" applyFont="1" applyFill="1" applyBorder="1" applyAlignment="1">
      <alignment vertical="center" wrapText="1"/>
    </xf>
    <xf numFmtId="0" fontId="4" fillId="3" borderId="19" xfId="0" applyFont="1" applyFill="1" applyBorder="1" applyAlignment="1">
      <alignment vertical="center" wrapText="1"/>
    </xf>
    <xf numFmtId="0" fontId="5" fillId="3" borderId="17" xfId="0" applyFont="1" applyFill="1" applyBorder="1" applyAlignment="1">
      <alignment vertical="center" wrapText="1"/>
    </xf>
    <xf numFmtId="0" fontId="8" fillId="0" borderId="4" xfId="0" applyFont="1" applyFill="1" applyBorder="1" applyAlignment="1">
      <alignment horizontal="center" vertical="center" wrapText="1"/>
    </xf>
    <xf numFmtId="0" fontId="7" fillId="0" borderId="7" xfId="0" applyFont="1" applyFill="1" applyBorder="1" applyAlignment="1">
      <alignment horizontal="center" vertical="center" wrapText="1"/>
    </xf>
    <xf numFmtId="0" fontId="7" fillId="0" borderId="6" xfId="0" applyFont="1" applyFill="1" applyBorder="1" applyAlignment="1">
      <alignment horizontal="center" vertical="center" wrapText="1"/>
    </xf>
    <xf numFmtId="0" fontId="7" fillId="0" borderId="10" xfId="0" applyFont="1" applyFill="1" applyBorder="1" applyAlignment="1">
      <alignment horizontal="center" vertical="center" wrapText="1"/>
    </xf>
    <xf numFmtId="0" fontId="7" fillId="0" borderId="1" xfId="0" applyFont="1" applyFill="1" applyBorder="1" applyAlignment="1">
      <alignment horizontal="center" vertical="center" wrapText="1"/>
    </xf>
    <xf numFmtId="0" fontId="7" fillId="0" borderId="3" xfId="0" applyFont="1" applyFill="1" applyBorder="1" applyAlignment="1">
      <alignment horizontal="center" vertical="center" wrapText="1"/>
    </xf>
    <xf numFmtId="0" fontId="7" fillId="0" borderId="8" xfId="0" applyFont="1" applyFill="1" applyBorder="1" applyAlignment="1">
      <alignment horizontal="center" vertical="center" wrapText="1"/>
    </xf>
    <xf numFmtId="0" fontId="5" fillId="3" borderId="17" xfId="0" applyFont="1" applyFill="1" applyBorder="1" applyAlignment="1">
      <alignment horizontal="center" vertical="center" wrapText="1"/>
    </xf>
    <xf numFmtId="0" fontId="5" fillId="3" borderId="18" xfId="0" applyFont="1" applyFill="1" applyBorder="1" applyAlignment="1">
      <alignment horizontal="center" vertical="center" wrapText="1"/>
    </xf>
    <xf numFmtId="0" fontId="7" fillId="0" borderId="5" xfId="0" applyFont="1" applyFill="1" applyBorder="1" applyAlignment="1">
      <alignment horizontal="center" vertical="center" wrapText="1"/>
    </xf>
    <xf numFmtId="0" fontId="7" fillId="0" borderId="9" xfId="0" applyFont="1" applyFill="1" applyBorder="1" applyAlignment="1">
      <alignment horizontal="center" vertical="center" wrapText="1"/>
    </xf>
    <xf numFmtId="0" fontId="4" fillId="0" borderId="3" xfId="0" applyFont="1" applyFill="1" applyBorder="1" applyAlignment="1">
      <alignment horizontal="center" vertical="center" wrapText="1"/>
    </xf>
    <xf numFmtId="0" fontId="4" fillId="0" borderId="2" xfId="0" applyFont="1" applyFill="1" applyBorder="1" applyAlignment="1">
      <alignment horizontal="center" vertical="center" wrapText="1"/>
    </xf>
    <xf numFmtId="0" fontId="4" fillId="0" borderId="0" xfId="0" applyFont="1" applyFill="1" applyBorder="1" applyAlignment="1">
      <alignment vertical="center" wrapText="1"/>
    </xf>
    <xf numFmtId="0" fontId="7" fillId="2" borderId="20" xfId="0" applyFont="1" applyFill="1" applyBorder="1" applyAlignment="1">
      <alignment vertical="center" wrapText="1"/>
    </xf>
  </cellXfs>
  <cellStyles count="2">
    <cellStyle name="標準" xfId="0" builtinId="0"/>
    <cellStyle name="標準 2" xfId="1"/>
  </cellStyles>
  <dxfs count="0"/>
  <tableStyles count="0" defaultTableStyle="TableStyleMedium2" defaultPivotStyle="PivotStyleLight16"/>
  <colors>
    <mruColors>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P49"/>
  <sheetViews>
    <sheetView showGridLines="0" tabSelected="1" topLeftCell="C1" zoomScaleNormal="100" zoomScaleSheetLayoutView="100" zoomScalePageLayoutView="70" workbookViewId="0">
      <pane ySplit="6" topLeftCell="A7" activePane="bottomLeft" state="frozen"/>
      <selection pane="bottomLeft" activeCell="K9" sqref="K9"/>
    </sheetView>
  </sheetViews>
  <sheetFormatPr defaultColWidth="9" defaultRowHeight="9.6" x14ac:dyDescent="0.2"/>
  <cols>
    <col min="1" max="1" width="6.09765625" style="1" customWidth="1"/>
    <col min="2" max="2" width="7.59765625" style="1" customWidth="1"/>
    <col min="3" max="3" width="11.09765625" style="1" customWidth="1"/>
    <col min="4" max="4" width="18.796875" style="1" customWidth="1"/>
    <col min="5" max="5" width="30.796875" style="1" customWidth="1"/>
    <col min="6" max="6" width="6.796875" style="1" customWidth="1"/>
    <col min="7" max="7" width="34.5" style="1" customWidth="1"/>
    <col min="8" max="8" width="26.69921875" style="1" customWidth="1"/>
    <col min="9" max="9" width="14.3984375" style="1" customWidth="1"/>
    <col min="10" max="10" width="13.796875" style="1" customWidth="1"/>
    <col min="11" max="11" width="23.796875" style="1" customWidth="1"/>
    <col min="12" max="16384" width="9" style="1"/>
  </cols>
  <sheetData>
    <row r="1" spans="1:16" s="2" customFormat="1" ht="20.100000000000001" customHeight="1" thickBot="1" x14ac:dyDescent="0.25">
      <c r="A1" s="47" t="s">
        <v>203</v>
      </c>
      <c r="B1" s="47"/>
      <c r="C1" s="47"/>
      <c r="D1" s="47"/>
      <c r="E1" s="47"/>
      <c r="F1" s="47"/>
      <c r="G1" s="47"/>
      <c r="H1" s="47"/>
      <c r="I1" s="47"/>
      <c r="J1" s="47"/>
      <c r="K1" s="48" t="s">
        <v>708</v>
      </c>
      <c r="P1" s="8"/>
    </row>
    <row r="2" spans="1:16" s="2" customFormat="1" ht="27" thickBot="1" x14ac:dyDescent="0.25">
      <c r="A2" s="62" t="s">
        <v>123</v>
      </c>
      <c r="B2" s="63"/>
      <c r="C2" s="49"/>
      <c r="D2" s="50" t="s">
        <v>122</v>
      </c>
      <c r="E2" s="51" t="str">
        <f>IFERROR(VLOOKUP(C2,所属コード!A2:B249,2,FALSE),"")</f>
        <v/>
      </c>
      <c r="F2" s="52" t="s">
        <v>209</v>
      </c>
      <c r="G2" s="53"/>
      <c r="H2" s="54" t="s">
        <v>210</v>
      </c>
      <c r="I2" s="53"/>
      <c r="J2" s="52" t="s">
        <v>211</v>
      </c>
      <c r="K2" s="53"/>
      <c r="L2" s="46"/>
      <c r="P2" s="8"/>
    </row>
    <row r="3" spans="1:16" s="2" customFormat="1" ht="6.6" customHeight="1" thickBot="1" x14ac:dyDescent="0.25">
      <c r="A3" s="42"/>
      <c r="B3" s="42"/>
      <c r="C3" s="41"/>
      <c r="D3" s="42"/>
      <c r="E3" s="43"/>
      <c r="F3" s="44"/>
      <c r="G3" s="45"/>
      <c r="H3" s="43"/>
      <c r="I3" s="45"/>
      <c r="J3" s="44"/>
      <c r="K3" s="68"/>
      <c r="P3" s="8"/>
    </row>
    <row r="4" spans="1:16" ht="26.4" x14ac:dyDescent="0.2">
      <c r="A4" s="38" t="s">
        <v>118</v>
      </c>
      <c r="B4" s="39"/>
      <c r="C4" s="39"/>
      <c r="D4" s="39"/>
      <c r="E4" s="39"/>
      <c r="F4" s="39"/>
      <c r="G4" s="40" t="s">
        <v>119</v>
      </c>
      <c r="H4" s="40"/>
      <c r="I4" s="40"/>
      <c r="J4" s="40"/>
      <c r="K4" s="69" t="s">
        <v>120</v>
      </c>
      <c r="P4" s="9"/>
    </row>
    <row r="5" spans="1:16" ht="13.2" x14ac:dyDescent="0.2">
      <c r="A5" s="57" t="s">
        <v>10</v>
      </c>
      <c r="B5" s="59" t="s">
        <v>7</v>
      </c>
      <c r="C5" s="60" t="s">
        <v>202</v>
      </c>
      <c r="D5" s="64" t="s">
        <v>0</v>
      </c>
      <c r="E5" s="66" t="s">
        <v>159</v>
      </c>
      <c r="F5" s="60" t="s">
        <v>1</v>
      </c>
      <c r="G5" s="64" t="s">
        <v>113</v>
      </c>
      <c r="H5" s="64" t="s">
        <v>114</v>
      </c>
      <c r="I5" s="59" t="s">
        <v>5</v>
      </c>
      <c r="J5" s="55" t="s">
        <v>3</v>
      </c>
      <c r="K5" s="17" t="s">
        <v>121</v>
      </c>
      <c r="P5" s="8"/>
    </row>
    <row r="6" spans="1:16" s="3" customFormat="1" ht="13.2" x14ac:dyDescent="0.2">
      <c r="A6" s="58"/>
      <c r="B6" s="60"/>
      <c r="C6" s="61"/>
      <c r="D6" s="65"/>
      <c r="E6" s="67"/>
      <c r="F6" s="61"/>
      <c r="G6" s="65"/>
      <c r="H6" s="65"/>
      <c r="I6" s="60"/>
      <c r="J6" s="56"/>
      <c r="K6" s="17" t="s">
        <v>2</v>
      </c>
      <c r="P6" s="9"/>
    </row>
    <row r="7" spans="1:16" s="3" customFormat="1" ht="84" x14ac:dyDescent="0.2">
      <c r="A7" s="12">
        <v>1</v>
      </c>
      <c r="B7" s="5" t="s">
        <v>12</v>
      </c>
      <c r="C7" s="6" t="s">
        <v>4</v>
      </c>
      <c r="D7" s="21" t="s">
        <v>138</v>
      </c>
      <c r="E7" s="35" t="s">
        <v>160</v>
      </c>
      <c r="F7" s="21" t="s">
        <v>134</v>
      </c>
      <c r="G7" s="22" t="s">
        <v>135</v>
      </c>
      <c r="H7" s="22" t="s">
        <v>136</v>
      </c>
      <c r="I7" s="21" t="s">
        <v>137</v>
      </c>
      <c r="J7" s="23" t="s">
        <v>200</v>
      </c>
      <c r="K7" s="18" t="s">
        <v>112</v>
      </c>
      <c r="P7" s="9"/>
    </row>
    <row r="8" spans="1:16" ht="156" x14ac:dyDescent="0.2">
      <c r="A8" s="13">
        <v>2</v>
      </c>
      <c r="B8" s="10" t="s">
        <v>12</v>
      </c>
      <c r="C8" s="11" t="s">
        <v>4</v>
      </c>
      <c r="D8" s="24" t="s">
        <v>18</v>
      </c>
      <c r="E8" s="21" t="s">
        <v>161</v>
      </c>
      <c r="F8" s="25" t="s">
        <v>145</v>
      </c>
      <c r="G8" s="26" t="s">
        <v>53</v>
      </c>
      <c r="H8" s="26" t="s">
        <v>79</v>
      </c>
      <c r="I8" s="24" t="s">
        <v>95</v>
      </c>
      <c r="J8" s="23" t="s">
        <v>200</v>
      </c>
      <c r="K8" s="18" t="s">
        <v>112</v>
      </c>
    </row>
    <row r="9" spans="1:16" ht="84" x14ac:dyDescent="0.2">
      <c r="A9" s="12">
        <v>3</v>
      </c>
      <c r="B9" s="5" t="s">
        <v>12</v>
      </c>
      <c r="C9" s="6" t="s">
        <v>4</v>
      </c>
      <c r="D9" s="21" t="s">
        <v>125</v>
      </c>
      <c r="E9" s="21" t="s">
        <v>162</v>
      </c>
      <c r="F9" s="25" t="s">
        <v>145</v>
      </c>
      <c r="G9" s="27" t="s">
        <v>126</v>
      </c>
      <c r="H9" s="27" t="s">
        <v>80</v>
      </c>
      <c r="I9" s="21" t="s">
        <v>95</v>
      </c>
      <c r="J9" s="23" t="s">
        <v>200</v>
      </c>
      <c r="K9" s="18" t="s">
        <v>112</v>
      </c>
    </row>
    <row r="10" spans="1:16" ht="84" x14ac:dyDescent="0.2">
      <c r="A10" s="13">
        <v>4</v>
      </c>
      <c r="B10" s="5" t="s">
        <v>12</v>
      </c>
      <c r="C10" s="6" t="s">
        <v>4</v>
      </c>
      <c r="D10" s="21" t="s">
        <v>19</v>
      </c>
      <c r="E10" s="21" t="s">
        <v>163</v>
      </c>
      <c r="F10" s="25" t="s">
        <v>145</v>
      </c>
      <c r="G10" s="27" t="s">
        <v>54</v>
      </c>
      <c r="H10" s="27" t="s">
        <v>81</v>
      </c>
      <c r="I10" s="21" t="s">
        <v>95</v>
      </c>
      <c r="J10" s="23" t="s">
        <v>200</v>
      </c>
      <c r="K10" s="18" t="s">
        <v>112</v>
      </c>
    </row>
    <row r="11" spans="1:16" ht="84" x14ac:dyDescent="0.2">
      <c r="A11" s="12">
        <v>5</v>
      </c>
      <c r="B11" s="5" t="s">
        <v>12</v>
      </c>
      <c r="C11" s="6" t="s">
        <v>4</v>
      </c>
      <c r="D11" s="21" t="s">
        <v>20</v>
      </c>
      <c r="E11" s="21" t="s">
        <v>164</v>
      </c>
      <c r="F11" s="25" t="s">
        <v>145</v>
      </c>
      <c r="G11" s="27" t="s">
        <v>55</v>
      </c>
      <c r="H11" s="27" t="s">
        <v>82</v>
      </c>
      <c r="I11" s="21" t="s">
        <v>95</v>
      </c>
      <c r="J11" s="23" t="s">
        <v>200</v>
      </c>
      <c r="K11" s="18" t="s">
        <v>112</v>
      </c>
    </row>
    <row r="12" spans="1:16" ht="84" x14ac:dyDescent="0.2">
      <c r="A12" s="13">
        <v>6</v>
      </c>
      <c r="B12" s="5" t="s">
        <v>12</v>
      </c>
      <c r="C12" s="6" t="s">
        <v>4</v>
      </c>
      <c r="D12" s="21" t="s">
        <v>21</v>
      </c>
      <c r="E12" s="21" t="s">
        <v>165</v>
      </c>
      <c r="F12" s="25" t="s">
        <v>145</v>
      </c>
      <c r="G12" s="27" t="s">
        <v>56</v>
      </c>
      <c r="H12" s="27" t="s">
        <v>82</v>
      </c>
      <c r="I12" s="21" t="s">
        <v>95</v>
      </c>
      <c r="J12" s="23" t="s">
        <v>200</v>
      </c>
      <c r="K12" s="18" t="s">
        <v>112</v>
      </c>
    </row>
    <row r="13" spans="1:16" ht="84" x14ac:dyDescent="0.2">
      <c r="A13" s="12">
        <v>7</v>
      </c>
      <c r="B13" s="5" t="s">
        <v>12</v>
      </c>
      <c r="C13" s="6" t="s">
        <v>13</v>
      </c>
      <c r="D13" s="21" t="s">
        <v>22</v>
      </c>
      <c r="E13" s="21" t="s">
        <v>166</v>
      </c>
      <c r="F13" s="25" t="s">
        <v>145</v>
      </c>
      <c r="G13" s="27" t="s">
        <v>57</v>
      </c>
      <c r="H13" s="27" t="s">
        <v>79</v>
      </c>
      <c r="I13" s="21" t="s">
        <v>95</v>
      </c>
      <c r="J13" s="23" t="s">
        <v>201</v>
      </c>
      <c r="K13" s="18" t="s">
        <v>112</v>
      </c>
    </row>
    <row r="14" spans="1:16" ht="84" x14ac:dyDescent="0.2">
      <c r="A14" s="13">
        <v>8</v>
      </c>
      <c r="B14" s="5" t="s">
        <v>12</v>
      </c>
      <c r="C14" s="6" t="s">
        <v>13</v>
      </c>
      <c r="D14" s="21" t="s">
        <v>23</v>
      </c>
      <c r="E14" s="23" t="s">
        <v>167</v>
      </c>
      <c r="F14" s="25" t="s">
        <v>145</v>
      </c>
      <c r="G14" s="27" t="s">
        <v>58</v>
      </c>
      <c r="H14" s="27" t="s">
        <v>82</v>
      </c>
      <c r="I14" s="21" t="s">
        <v>95</v>
      </c>
      <c r="J14" s="23" t="s">
        <v>201</v>
      </c>
      <c r="K14" s="18" t="s">
        <v>112</v>
      </c>
    </row>
    <row r="15" spans="1:16" ht="84" x14ac:dyDescent="0.2">
      <c r="A15" s="12">
        <v>9</v>
      </c>
      <c r="B15" s="5" t="s">
        <v>12</v>
      </c>
      <c r="C15" s="6" t="s">
        <v>14</v>
      </c>
      <c r="D15" s="21" t="s">
        <v>24</v>
      </c>
      <c r="E15" s="21" t="s">
        <v>168</v>
      </c>
      <c r="F15" s="25" t="s">
        <v>145</v>
      </c>
      <c r="G15" s="27" t="s">
        <v>124</v>
      </c>
      <c r="H15" s="27" t="s">
        <v>82</v>
      </c>
      <c r="I15" s="21" t="s">
        <v>96</v>
      </c>
      <c r="J15" s="23" t="s">
        <v>201</v>
      </c>
      <c r="K15" s="18" t="s">
        <v>112</v>
      </c>
    </row>
    <row r="16" spans="1:16" ht="105.6" x14ac:dyDescent="0.2">
      <c r="A16" s="13">
        <v>10</v>
      </c>
      <c r="B16" s="5" t="s">
        <v>12</v>
      </c>
      <c r="C16" s="6" t="s">
        <v>142</v>
      </c>
      <c r="D16" s="21" t="s">
        <v>25</v>
      </c>
      <c r="E16" s="21" t="s">
        <v>169</v>
      </c>
      <c r="F16" s="25" t="s">
        <v>145</v>
      </c>
      <c r="G16" s="27" t="s">
        <v>59</v>
      </c>
      <c r="H16" s="27" t="s">
        <v>82</v>
      </c>
      <c r="I16" s="21" t="s">
        <v>95</v>
      </c>
      <c r="J16" s="23" t="s">
        <v>201</v>
      </c>
      <c r="K16" s="18" t="s">
        <v>112</v>
      </c>
    </row>
    <row r="17" spans="1:11" ht="72" x14ac:dyDescent="0.2">
      <c r="A17" s="12">
        <v>11</v>
      </c>
      <c r="B17" s="5" t="s">
        <v>12</v>
      </c>
      <c r="C17" s="6" t="s">
        <v>15</v>
      </c>
      <c r="D17" s="21" t="s">
        <v>26</v>
      </c>
      <c r="E17" s="36" t="s">
        <v>170</v>
      </c>
      <c r="F17" s="25" t="s">
        <v>145</v>
      </c>
      <c r="G17" s="27" t="s">
        <v>60</v>
      </c>
      <c r="H17" s="27" t="s">
        <v>83</v>
      </c>
      <c r="I17" s="21" t="s">
        <v>97</v>
      </c>
      <c r="J17" s="23" t="s">
        <v>109</v>
      </c>
      <c r="K17" s="18" t="s">
        <v>112</v>
      </c>
    </row>
    <row r="18" spans="1:11" ht="39.6" x14ac:dyDescent="0.2">
      <c r="A18" s="13">
        <v>12</v>
      </c>
      <c r="B18" s="5" t="s">
        <v>12</v>
      </c>
      <c r="C18" s="6" t="s">
        <v>16</v>
      </c>
      <c r="D18" s="21" t="s">
        <v>27</v>
      </c>
      <c r="E18" s="36" t="s">
        <v>171</v>
      </c>
      <c r="F18" s="25" t="s">
        <v>145</v>
      </c>
      <c r="G18" s="27" t="s">
        <v>61</v>
      </c>
      <c r="H18" s="27" t="s">
        <v>83</v>
      </c>
      <c r="I18" s="21" t="s">
        <v>97</v>
      </c>
      <c r="J18" s="23" t="s">
        <v>109</v>
      </c>
      <c r="K18" s="18" t="s">
        <v>112</v>
      </c>
    </row>
    <row r="19" spans="1:11" ht="36" x14ac:dyDescent="0.2">
      <c r="A19" s="12">
        <v>13</v>
      </c>
      <c r="B19" s="5" t="s">
        <v>12</v>
      </c>
      <c r="C19" s="6" t="s">
        <v>17</v>
      </c>
      <c r="D19" s="21" t="s">
        <v>28</v>
      </c>
      <c r="E19" s="36" t="s">
        <v>172</v>
      </c>
      <c r="F19" s="25" t="s">
        <v>145</v>
      </c>
      <c r="G19" s="27" t="s">
        <v>61</v>
      </c>
      <c r="H19" s="27" t="s">
        <v>83</v>
      </c>
      <c r="I19" s="21" t="s">
        <v>97</v>
      </c>
      <c r="J19" s="23" t="s">
        <v>109</v>
      </c>
      <c r="K19" s="18" t="s">
        <v>112</v>
      </c>
    </row>
    <row r="20" spans="1:11" ht="72" x14ac:dyDescent="0.2">
      <c r="A20" s="13">
        <v>14</v>
      </c>
      <c r="B20" s="5" t="s">
        <v>12</v>
      </c>
      <c r="C20" s="6" t="s">
        <v>17</v>
      </c>
      <c r="D20" s="21" t="s">
        <v>29</v>
      </c>
      <c r="E20" s="36" t="s">
        <v>173</v>
      </c>
      <c r="F20" s="25" t="s">
        <v>145</v>
      </c>
      <c r="G20" s="27" t="s">
        <v>62</v>
      </c>
      <c r="H20" s="27" t="s">
        <v>83</v>
      </c>
      <c r="I20" s="21" t="s">
        <v>97</v>
      </c>
      <c r="J20" s="23" t="s">
        <v>109</v>
      </c>
      <c r="K20" s="18" t="s">
        <v>112</v>
      </c>
    </row>
    <row r="21" spans="1:11" ht="89.4" customHeight="1" x14ac:dyDescent="0.2">
      <c r="A21" s="12">
        <v>15</v>
      </c>
      <c r="B21" s="5" t="s">
        <v>12</v>
      </c>
      <c r="C21" s="6" t="s">
        <v>17</v>
      </c>
      <c r="D21" s="21" t="s">
        <v>30</v>
      </c>
      <c r="E21" s="21" t="s">
        <v>174</v>
      </c>
      <c r="F21" s="25" t="s">
        <v>145</v>
      </c>
      <c r="G21" s="27" t="s">
        <v>143</v>
      </c>
      <c r="H21" s="27" t="s">
        <v>83</v>
      </c>
      <c r="I21" s="21" t="s">
        <v>97</v>
      </c>
      <c r="J21" s="23" t="s">
        <v>109</v>
      </c>
      <c r="K21" s="18" t="s">
        <v>112</v>
      </c>
    </row>
    <row r="22" spans="1:11" ht="72" x14ac:dyDescent="0.2">
      <c r="A22" s="13">
        <v>16</v>
      </c>
      <c r="B22" s="5" t="s">
        <v>12</v>
      </c>
      <c r="C22" s="6" t="s">
        <v>15</v>
      </c>
      <c r="D22" s="21" t="s">
        <v>31</v>
      </c>
      <c r="E22" s="36" t="s">
        <v>175</v>
      </c>
      <c r="F22" s="25" t="s">
        <v>145</v>
      </c>
      <c r="G22" s="27" t="s">
        <v>63</v>
      </c>
      <c r="H22" s="27" t="s">
        <v>84</v>
      </c>
      <c r="I22" s="21" t="s">
        <v>98</v>
      </c>
      <c r="J22" s="23" t="s">
        <v>152</v>
      </c>
      <c r="K22" s="18" t="s">
        <v>112</v>
      </c>
    </row>
    <row r="23" spans="1:11" ht="75" customHeight="1" x14ac:dyDescent="0.2">
      <c r="A23" s="12">
        <v>17</v>
      </c>
      <c r="B23" s="5" t="s">
        <v>12</v>
      </c>
      <c r="C23" s="6" t="s">
        <v>15</v>
      </c>
      <c r="D23" s="21" t="s">
        <v>32</v>
      </c>
      <c r="E23" s="36" t="s">
        <v>176</v>
      </c>
      <c r="F23" s="25" t="s">
        <v>145</v>
      </c>
      <c r="G23" s="27" t="s">
        <v>63</v>
      </c>
      <c r="H23" s="27" t="s">
        <v>85</v>
      </c>
      <c r="I23" s="21" t="s">
        <v>99</v>
      </c>
      <c r="J23" s="23" t="s">
        <v>152</v>
      </c>
      <c r="K23" s="18" t="s">
        <v>112</v>
      </c>
    </row>
    <row r="24" spans="1:11" ht="60" x14ac:dyDescent="0.2">
      <c r="A24" s="14">
        <v>18</v>
      </c>
      <c r="B24" s="5" t="s">
        <v>12</v>
      </c>
      <c r="C24" s="6" t="s">
        <v>15</v>
      </c>
      <c r="D24" s="21" t="s">
        <v>33</v>
      </c>
      <c r="E24" s="36" t="s">
        <v>177</v>
      </c>
      <c r="F24" s="25" t="s">
        <v>145</v>
      </c>
      <c r="G24" s="27" t="s">
        <v>64</v>
      </c>
      <c r="H24" s="27" t="s">
        <v>86</v>
      </c>
      <c r="I24" s="21" t="s">
        <v>100</v>
      </c>
      <c r="J24" s="23" t="s">
        <v>152</v>
      </c>
      <c r="K24" s="19" t="s">
        <v>112</v>
      </c>
    </row>
    <row r="25" spans="1:11" ht="96" x14ac:dyDescent="0.2">
      <c r="A25" s="12">
        <v>19</v>
      </c>
      <c r="B25" s="5" t="s">
        <v>12</v>
      </c>
      <c r="C25" s="6" t="s">
        <v>17</v>
      </c>
      <c r="D25" s="28" t="s">
        <v>34</v>
      </c>
      <c r="E25" s="36" t="s">
        <v>178</v>
      </c>
      <c r="F25" s="25" t="s">
        <v>145</v>
      </c>
      <c r="G25" s="27" t="s">
        <v>65</v>
      </c>
      <c r="H25" s="27" t="s">
        <v>87</v>
      </c>
      <c r="I25" s="21" t="s">
        <v>101</v>
      </c>
      <c r="J25" s="23" t="s">
        <v>109</v>
      </c>
      <c r="K25" s="19" t="s">
        <v>112</v>
      </c>
    </row>
    <row r="26" spans="1:11" ht="84" x14ac:dyDescent="0.2">
      <c r="A26" s="13">
        <v>20</v>
      </c>
      <c r="B26" s="5" t="s">
        <v>8</v>
      </c>
      <c r="C26" s="6" t="s">
        <v>4</v>
      </c>
      <c r="D26" s="21" t="s">
        <v>35</v>
      </c>
      <c r="E26" s="36" t="s">
        <v>179</v>
      </c>
      <c r="F26" s="29" t="s">
        <v>145</v>
      </c>
      <c r="G26" s="27" t="s">
        <v>115</v>
      </c>
      <c r="H26" s="27" t="s">
        <v>116</v>
      </c>
      <c r="I26" s="21" t="s">
        <v>102</v>
      </c>
      <c r="J26" s="23" t="s">
        <v>139</v>
      </c>
      <c r="K26" s="18" t="s">
        <v>112</v>
      </c>
    </row>
    <row r="27" spans="1:11" ht="79.2" x14ac:dyDescent="0.2">
      <c r="A27" s="12">
        <v>21</v>
      </c>
      <c r="B27" s="5" t="s">
        <v>8</v>
      </c>
      <c r="C27" s="6" t="s">
        <v>4</v>
      </c>
      <c r="D27" s="21" t="s">
        <v>36</v>
      </c>
      <c r="E27" s="36" t="s">
        <v>180</v>
      </c>
      <c r="F27" s="29" t="s">
        <v>145</v>
      </c>
      <c r="G27" s="27" t="s">
        <v>66</v>
      </c>
      <c r="H27" s="27" t="s">
        <v>66</v>
      </c>
      <c r="I27" s="21" t="s">
        <v>102</v>
      </c>
      <c r="J27" s="23" t="s">
        <v>139</v>
      </c>
      <c r="K27" s="18" t="s">
        <v>112</v>
      </c>
    </row>
    <row r="28" spans="1:11" ht="84" x14ac:dyDescent="0.2">
      <c r="A28" s="13">
        <v>22</v>
      </c>
      <c r="B28" s="5" t="s">
        <v>8</v>
      </c>
      <c r="C28" s="6" t="s">
        <v>4</v>
      </c>
      <c r="D28" s="21" t="s">
        <v>37</v>
      </c>
      <c r="E28" s="36" t="s">
        <v>181</v>
      </c>
      <c r="F28" s="25" t="s">
        <v>145</v>
      </c>
      <c r="G28" s="27" t="s">
        <v>67</v>
      </c>
      <c r="H28" s="27" t="s">
        <v>88</v>
      </c>
      <c r="I28" s="21" t="s">
        <v>103</v>
      </c>
      <c r="J28" s="23" t="s">
        <v>139</v>
      </c>
      <c r="K28" s="18" t="s">
        <v>112</v>
      </c>
    </row>
    <row r="29" spans="1:11" ht="84" x14ac:dyDescent="0.2">
      <c r="A29" s="12">
        <v>23</v>
      </c>
      <c r="B29" s="5" t="s">
        <v>8</v>
      </c>
      <c r="C29" s="6" t="s">
        <v>4</v>
      </c>
      <c r="D29" s="21" t="s">
        <v>38</v>
      </c>
      <c r="E29" s="36" t="s">
        <v>182</v>
      </c>
      <c r="F29" s="25" t="s">
        <v>145</v>
      </c>
      <c r="G29" s="27" t="s">
        <v>117</v>
      </c>
      <c r="H29" s="27" t="s">
        <v>88</v>
      </c>
      <c r="I29" s="21" t="s">
        <v>103</v>
      </c>
      <c r="J29" s="23" t="s">
        <v>139</v>
      </c>
      <c r="K29" s="18" t="s">
        <v>112</v>
      </c>
    </row>
    <row r="30" spans="1:11" ht="184.8" x14ac:dyDescent="0.2">
      <c r="A30" s="13">
        <v>24</v>
      </c>
      <c r="B30" s="5" t="s">
        <v>8</v>
      </c>
      <c r="C30" s="6" t="s">
        <v>4</v>
      </c>
      <c r="D30" s="21" t="s">
        <v>39</v>
      </c>
      <c r="E30" s="21" t="s">
        <v>183</v>
      </c>
      <c r="F30" s="25" t="s">
        <v>145</v>
      </c>
      <c r="G30" s="27" t="s">
        <v>151</v>
      </c>
      <c r="H30" s="27" t="s">
        <v>146</v>
      </c>
      <c r="I30" s="21" t="s">
        <v>147</v>
      </c>
      <c r="J30" s="23" t="s">
        <v>148</v>
      </c>
      <c r="K30" s="18" t="s">
        <v>112</v>
      </c>
    </row>
    <row r="31" spans="1:11" ht="79.2" x14ac:dyDescent="0.2">
      <c r="A31" s="12">
        <v>25</v>
      </c>
      <c r="B31" s="5" t="s">
        <v>8</v>
      </c>
      <c r="C31" s="6" t="s">
        <v>4</v>
      </c>
      <c r="D31" s="21" t="s">
        <v>40</v>
      </c>
      <c r="E31" s="36" t="s">
        <v>184</v>
      </c>
      <c r="F31" s="25" t="s">
        <v>145</v>
      </c>
      <c r="G31" s="27" t="s">
        <v>68</v>
      </c>
      <c r="H31" s="27" t="s">
        <v>68</v>
      </c>
      <c r="I31" s="21" t="s">
        <v>102</v>
      </c>
      <c r="J31" s="23" t="s">
        <v>139</v>
      </c>
      <c r="K31" s="18" t="s">
        <v>112</v>
      </c>
    </row>
    <row r="32" spans="1:11" ht="72" x14ac:dyDescent="0.2">
      <c r="A32" s="13">
        <v>26</v>
      </c>
      <c r="B32" s="5" t="s">
        <v>8</v>
      </c>
      <c r="C32" s="6" t="s">
        <v>4</v>
      </c>
      <c r="D32" s="21" t="s">
        <v>41</v>
      </c>
      <c r="E32" s="21" t="s">
        <v>185</v>
      </c>
      <c r="F32" s="25" t="s">
        <v>145</v>
      </c>
      <c r="G32" s="27" t="s">
        <v>69</v>
      </c>
      <c r="H32" s="27" t="s">
        <v>89</v>
      </c>
      <c r="I32" s="21" t="s">
        <v>104</v>
      </c>
      <c r="J32" s="23" t="s">
        <v>139</v>
      </c>
      <c r="K32" s="18" t="s">
        <v>112</v>
      </c>
    </row>
    <row r="33" spans="1:11" ht="145.19999999999999" x14ac:dyDescent="0.2">
      <c r="A33" s="12">
        <v>27</v>
      </c>
      <c r="B33" s="5" t="s">
        <v>8</v>
      </c>
      <c r="C33" s="6" t="s">
        <v>4</v>
      </c>
      <c r="D33" s="21" t="s">
        <v>42</v>
      </c>
      <c r="E33" s="21" t="s">
        <v>186</v>
      </c>
      <c r="F33" s="24" t="s">
        <v>145</v>
      </c>
      <c r="G33" s="27" t="s">
        <v>205</v>
      </c>
      <c r="H33" s="27" t="s">
        <v>206</v>
      </c>
      <c r="I33" s="21" t="s">
        <v>207</v>
      </c>
      <c r="J33" s="23" t="s">
        <v>141</v>
      </c>
      <c r="K33" s="18" t="s">
        <v>112</v>
      </c>
    </row>
    <row r="34" spans="1:11" ht="79.2" x14ac:dyDescent="0.2">
      <c r="A34" s="13">
        <v>28</v>
      </c>
      <c r="B34" s="5" t="s">
        <v>8</v>
      </c>
      <c r="C34" s="6" t="s">
        <v>4</v>
      </c>
      <c r="D34" s="21" t="s">
        <v>43</v>
      </c>
      <c r="E34" s="21" t="s">
        <v>187</v>
      </c>
      <c r="F34" s="24" t="s">
        <v>145</v>
      </c>
      <c r="G34" s="27" t="s">
        <v>204</v>
      </c>
      <c r="H34" s="27" t="s">
        <v>90</v>
      </c>
      <c r="I34" s="21" t="s">
        <v>102</v>
      </c>
      <c r="J34" s="23" t="s">
        <v>139</v>
      </c>
      <c r="K34" s="18" t="s">
        <v>112</v>
      </c>
    </row>
    <row r="35" spans="1:11" ht="84" x14ac:dyDescent="0.2">
      <c r="A35" s="12">
        <v>29</v>
      </c>
      <c r="B35" s="5" t="s">
        <v>8</v>
      </c>
      <c r="C35" s="6" t="s">
        <v>4</v>
      </c>
      <c r="D35" s="21" t="s">
        <v>44</v>
      </c>
      <c r="E35" s="21" t="s">
        <v>188</v>
      </c>
      <c r="F35" s="24" t="s">
        <v>145</v>
      </c>
      <c r="G35" s="27" t="s">
        <v>70</v>
      </c>
      <c r="H35" s="27" t="s">
        <v>91</v>
      </c>
      <c r="I35" s="21" t="s">
        <v>102</v>
      </c>
      <c r="J35" s="23" t="s">
        <v>139</v>
      </c>
      <c r="K35" s="18" t="s">
        <v>112</v>
      </c>
    </row>
    <row r="36" spans="1:11" ht="79.2" x14ac:dyDescent="0.2">
      <c r="A36" s="13">
        <v>30</v>
      </c>
      <c r="B36" s="5" t="s">
        <v>8</v>
      </c>
      <c r="C36" s="6" t="s">
        <v>4</v>
      </c>
      <c r="D36" s="21" t="s">
        <v>45</v>
      </c>
      <c r="E36" s="21" t="s">
        <v>189</v>
      </c>
      <c r="F36" s="24" t="s">
        <v>145</v>
      </c>
      <c r="G36" s="27" t="s">
        <v>71</v>
      </c>
      <c r="H36" s="27" t="s">
        <v>92</v>
      </c>
      <c r="I36" s="21" t="s">
        <v>102</v>
      </c>
      <c r="J36" s="23" t="s">
        <v>139</v>
      </c>
      <c r="K36" s="18" t="s">
        <v>112</v>
      </c>
    </row>
    <row r="37" spans="1:11" ht="112.2" customHeight="1" x14ac:dyDescent="0.2">
      <c r="A37" s="12">
        <v>31</v>
      </c>
      <c r="B37" s="7" t="s">
        <v>8</v>
      </c>
      <c r="C37" s="6" t="s">
        <v>4</v>
      </c>
      <c r="D37" s="21" t="s">
        <v>144</v>
      </c>
      <c r="E37" s="23" t="s">
        <v>190</v>
      </c>
      <c r="F37" s="24" t="s">
        <v>145</v>
      </c>
      <c r="G37" s="30" t="s">
        <v>72</v>
      </c>
      <c r="H37" s="30" t="s">
        <v>93</v>
      </c>
      <c r="I37" s="21" t="s">
        <v>102</v>
      </c>
      <c r="J37" s="23" t="s">
        <v>139</v>
      </c>
      <c r="K37" s="18" t="s">
        <v>112</v>
      </c>
    </row>
    <row r="38" spans="1:11" ht="52.8" x14ac:dyDescent="0.2">
      <c r="A38" s="15">
        <v>32</v>
      </c>
      <c r="B38" s="5" t="s">
        <v>9</v>
      </c>
      <c r="C38" s="6" t="s">
        <v>4</v>
      </c>
      <c r="D38" s="21" t="s">
        <v>46</v>
      </c>
      <c r="E38" s="21" t="s">
        <v>191</v>
      </c>
      <c r="F38" s="24" t="s">
        <v>145</v>
      </c>
      <c r="G38" s="27" t="s">
        <v>73</v>
      </c>
      <c r="H38" s="27" t="s">
        <v>83</v>
      </c>
      <c r="I38" s="21" t="s">
        <v>105</v>
      </c>
      <c r="J38" s="23" t="s">
        <v>110</v>
      </c>
      <c r="K38" s="18" t="s">
        <v>112</v>
      </c>
    </row>
    <row r="39" spans="1:11" ht="26.4" x14ac:dyDescent="0.2">
      <c r="A39" s="12">
        <v>33</v>
      </c>
      <c r="B39" s="5" t="s">
        <v>9</v>
      </c>
      <c r="C39" s="6" t="s">
        <v>4</v>
      </c>
      <c r="D39" s="21" t="s">
        <v>47</v>
      </c>
      <c r="E39" s="21" t="s">
        <v>192</v>
      </c>
      <c r="F39" s="24" t="s">
        <v>145</v>
      </c>
      <c r="G39" s="27" t="s">
        <v>74</v>
      </c>
      <c r="H39" s="27" t="s">
        <v>83</v>
      </c>
      <c r="I39" s="21" t="s">
        <v>106</v>
      </c>
      <c r="J39" s="23" t="s">
        <v>110</v>
      </c>
      <c r="K39" s="18" t="s">
        <v>112</v>
      </c>
    </row>
    <row r="40" spans="1:11" ht="26.4" x14ac:dyDescent="0.2">
      <c r="A40" s="15">
        <v>34</v>
      </c>
      <c r="B40" s="5" t="s">
        <v>9</v>
      </c>
      <c r="C40" s="6" t="s">
        <v>4</v>
      </c>
      <c r="D40" s="21" t="s">
        <v>48</v>
      </c>
      <c r="E40" s="21" t="s">
        <v>193</v>
      </c>
      <c r="F40" s="24" t="s">
        <v>145</v>
      </c>
      <c r="G40" s="27" t="s">
        <v>75</v>
      </c>
      <c r="H40" s="27" t="s">
        <v>75</v>
      </c>
      <c r="I40" s="21" t="s">
        <v>107</v>
      </c>
      <c r="J40" s="23" t="s">
        <v>110</v>
      </c>
      <c r="K40" s="18" t="s">
        <v>112</v>
      </c>
    </row>
    <row r="41" spans="1:11" ht="106.2" customHeight="1" x14ac:dyDescent="0.2">
      <c r="A41" s="12">
        <v>35</v>
      </c>
      <c r="B41" s="5" t="s">
        <v>9</v>
      </c>
      <c r="C41" s="6" t="s">
        <v>4</v>
      </c>
      <c r="D41" s="21" t="s">
        <v>49</v>
      </c>
      <c r="E41" s="21" t="s">
        <v>194</v>
      </c>
      <c r="F41" s="24" t="s">
        <v>145</v>
      </c>
      <c r="G41" s="27" t="s">
        <v>76</v>
      </c>
      <c r="H41" s="27" t="s">
        <v>83</v>
      </c>
      <c r="I41" s="21" t="s">
        <v>108</v>
      </c>
      <c r="J41" s="23" t="s">
        <v>111</v>
      </c>
      <c r="K41" s="18" t="s">
        <v>112</v>
      </c>
    </row>
    <row r="42" spans="1:11" ht="110.4" customHeight="1" x14ac:dyDescent="0.2">
      <c r="A42" s="15">
        <v>36</v>
      </c>
      <c r="B42" s="5" t="s">
        <v>9</v>
      </c>
      <c r="C42" s="6" t="s">
        <v>4</v>
      </c>
      <c r="D42" s="21" t="s">
        <v>50</v>
      </c>
      <c r="E42" s="21" t="s">
        <v>208</v>
      </c>
      <c r="F42" s="24" t="s">
        <v>145</v>
      </c>
      <c r="G42" s="27" t="s">
        <v>77</v>
      </c>
      <c r="H42" s="27" t="s">
        <v>149</v>
      </c>
      <c r="I42" s="21" t="s">
        <v>6</v>
      </c>
      <c r="J42" s="23" t="s">
        <v>150</v>
      </c>
      <c r="K42" s="18" t="s">
        <v>112</v>
      </c>
    </row>
    <row r="43" spans="1:11" ht="84" x14ac:dyDescent="0.2">
      <c r="A43" s="12">
        <v>37</v>
      </c>
      <c r="B43" s="5" t="s">
        <v>9</v>
      </c>
      <c r="C43" s="6" t="s">
        <v>4</v>
      </c>
      <c r="D43" s="21" t="s">
        <v>51</v>
      </c>
      <c r="E43" s="36" t="s">
        <v>195</v>
      </c>
      <c r="F43" s="25" t="s">
        <v>145</v>
      </c>
      <c r="G43" s="27" t="s">
        <v>11</v>
      </c>
      <c r="H43" s="27" t="s">
        <v>94</v>
      </c>
      <c r="I43" s="21" t="s">
        <v>6</v>
      </c>
      <c r="J43" s="23" t="s">
        <v>140</v>
      </c>
      <c r="K43" s="18" t="s">
        <v>112</v>
      </c>
    </row>
    <row r="44" spans="1:11" ht="88.2" customHeight="1" x14ac:dyDescent="0.2">
      <c r="A44" s="15">
        <v>38</v>
      </c>
      <c r="B44" s="5" t="s">
        <v>9</v>
      </c>
      <c r="C44" s="6" t="s">
        <v>4</v>
      </c>
      <c r="D44" s="21" t="s">
        <v>52</v>
      </c>
      <c r="E44" s="36" t="s">
        <v>196</v>
      </c>
      <c r="F44" s="25" t="s">
        <v>145</v>
      </c>
      <c r="G44" s="27" t="s">
        <v>78</v>
      </c>
      <c r="H44" s="27" t="s">
        <v>94</v>
      </c>
      <c r="I44" s="21" t="s">
        <v>6</v>
      </c>
      <c r="J44" s="23" t="s">
        <v>140</v>
      </c>
      <c r="K44" s="18" t="s">
        <v>112</v>
      </c>
    </row>
    <row r="45" spans="1:11" ht="96" x14ac:dyDescent="0.2">
      <c r="A45" s="12">
        <v>39</v>
      </c>
      <c r="B45" s="5" t="s">
        <v>9</v>
      </c>
      <c r="C45" s="6" t="s">
        <v>133</v>
      </c>
      <c r="D45" s="21" t="s">
        <v>127</v>
      </c>
      <c r="E45" s="21" t="s">
        <v>197</v>
      </c>
      <c r="F45" s="21" t="s">
        <v>132</v>
      </c>
      <c r="G45" s="27" t="s">
        <v>128</v>
      </c>
      <c r="H45" s="27" t="s">
        <v>129</v>
      </c>
      <c r="I45" s="21" t="s">
        <v>131</v>
      </c>
      <c r="J45" s="23" t="s">
        <v>130</v>
      </c>
      <c r="K45" s="19" t="s">
        <v>112</v>
      </c>
    </row>
    <row r="46" spans="1:11" s="4" customFormat="1" ht="105.6" x14ac:dyDescent="0.2">
      <c r="A46" s="15">
        <v>40</v>
      </c>
      <c r="B46" s="5" t="s">
        <v>9</v>
      </c>
      <c r="C46" s="11" t="s">
        <v>4</v>
      </c>
      <c r="D46" s="24" t="s">
        <v>158</v>
      </c>
      <c r="E46" s="21" t="s">
        <v>198</v>
      </c>
      <c r="F46" s="25" t="s">
        <v>156</v>
      </c>
      <c r="G46" s="26" t="s">
        <v>153</v>
      </c>
      <c r="H46" s="26" t="s">
        <v>154</v>
      </c>
      <c r="I46" s="24" t="s">
        <v>155</v>
      </c>
      <c r="J46" s="37" t="s">
        <v>157</v>
      </c>
      <c r="K46" s="19" t="s">
        <v>112</v>
      </c>
    </row>
    <row r="47" spans="1:11" ht="41.4" customHeight="1" x14ac:dyDescent="0.2">
      <c r="A47" s="15"/>
      <c r="B47" s="5" t="s">
        <v>199</v>
      </c>
      <c r="C47" s="6"/>
      <c r="D47" s="21"/>
      <c r="E47" s="36"/>
      <c r="F47" s="25"/>
      <c r="G47" s="27"/>
      <c r="H47" s="27"/>
      <c r="I47" s="21"/>
      <c r="J47" s="23"/>
      <c r="K47" s="18"/>
    </row>
    <row r="48" spans="1:11" ht="41.4" customHeight="1" x14ac:dyDescent="0.2">
      <c r="A48" s="12"/>
      <c r="B48" s="5" t="s">
        <v>199</v>
      </c>
      <c r="C48" s="6"/>
      <c r="D48" s="21"/>
      <c r="E48" s="21"/>
      <c r="F48" s="21"/>
      <c r="G48" s="27"/>
      <c r="H48" s="27"/>
      <c r="I48" s="21"/>
      <c r="J48" s="23"/>
      <c r="K48" s="19"/>
    </row>
    <row r="49" spans="1:11" s="16" customFormat="1" ht="41.4" customHeight="1" thickBot="1" x14ac:dyDescent="0.25">
      <c r="A49" s="15"/>
      <c r="B49" s="5" t="s">
        <v>199</v>
      </c>
      <c r="C49" s="11"/>
      <c r="D49" s="24"/>
      <c r="E49" s="21"/>
      <c r="F49" s="25"/>
      <c r="G49" s="26"/>
      <c r="H49" s="26"/>
      <c r="I49" s="24"/>
      <c r="J49" s="37"/>
      <c r="K49" s="20"/>
    </row>
  </sheetData>
  <autoFilter ref="A6:P49"/>
  <mergeCells count="11">
    <mergeCell ref="J5:J6"/>
    <mergeCell ref="A5:A6"/>
    <mergeCell ref="B5:B6"/>
    <mergeCell ref="F5:F6"/>
    <mergeCell ref="A2:B2"/>
    <mergeCell ref="G5:G6"/>
    <mergeCell ref="E5:E6"/>
    <mergeCell ref="H5:H6"/>
    <mergeCell ref="I5:I6"/>
    <mergeCell ref="C5:C6"/>
    <mergeCell ref="D5:D6"/>
  </mergeCells>
  <phoneticPr fontId="1"/>
  <dataValidations count="1">
    <dataValidation type="list" allowBlank="1" showInputMessage="1" showErrorMessage="1" sqref="K7:K49">
      <formula1>"不備なし,不備あり,重大な不備あり,当該リスクの扱いなし"</formula1>
    </dataValidation>
  </dataValidations>
  <printOptions horizontalCentered="1"/>
  <pageMargins left="0.51181102362204722" right="0.51181102362204722" top="0.94488188976377963" bottom="0.94488188976377963" header="0.51181102362204722" footer="0.31496062992125984"/>
  <pageSetup paperSize="9" scale="64" fitToHeight="0" orientation="landscape" cellComments="asDisplayed" r:id="rId1"/>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249"/>
  <sheetViews>
    <sheetView workbookViewId="0">
      <selection activeCell="E7" sqref="E7"/>
    </sheetView>
  </sheetViews>
  <sheetFormatPr defaultRowHeight="14.4" x14ac:dyDescent="0.2"/>
  <cols>
    <col min="1" max="1" width="11.5" style="33" bestFit="1" customWidth="1"/>
    <col min="2" max="2" width="13.69921875" bestFit="1" customWidth="1"/>
  </cols>
  <sheetData>
    <row r="1" spans="1:2" x14ac:dyDescent="0.2">
      <c r="A1" s="31" t="s">
        <v>123</v>
      </c>
      <c r="B1" s="32" t="s">
        <v>212</v>
      </c>
    </row>
    <row r="2" spans="1:2" x14ac:dyDescent="0.2">
      <c r="A2" s="33" t="s">
        <v>213</v>
      </c>
      <c r="B2" s="34" t="s">
        <v>214</v>
      </c>
    </row>
    <row r="3" spans="1:2" x14ac:dyDescent="0.2">
      <c r="A3" s="33" t="s">
        <v>215</v>
      </c>
      <c r="B3" s="34" t="s">
        <v>216</v>
      </c>
    </row>
    <row r="4" spans="1:2" x14ac:dyDescent="0.2">
      <c r="A4" s="33" t="s">
        <v>217</v>
      </c>
      <c r="B4" s="34" t="s">
        <v>218</v>
      </c>
    </row>
    <row r="5" spans="1:2" x14ac:dyDescent="0.2">
      <c r="A5" s="33" t="s">
        <v>219</v>
      </c>
      <c r="B5" s="34" t="s">
        <v>220</v>
      </c>
    </row>
    <row r="6" spans="1:2" x14ac:dyDescent="0.2">
      <c r="A6" s="33" t="s">
        <v>221</v>
      </c>
      <c r="B6" s="34" t="s">
        <v>222</v>
      </c>
    </row>
    <row r="7" spans="1:2" x14ac:dyDescent="0.2">
      <c r="A7" s="33" t="s">
        <v>223</v>
      </c>
      <c r="B7" s="34" t="s">
        <v>224</v>
      </c>
    </row>
    <row r="8" spans="1:2" x14ac:dyDescent="0.2">
      <c r="A8" s="33" t="s">
        <v>225</v>
      </c>
      <c r="B8" s="34" t="s">
        <v>226</v>
      </c>
    </row>
    <row r="9" spans="1:2" x14ac:dyDescent="0.2">
      <c r="A9" s="33" t="s">
        <v>227</v>
      </c>
      <c r="B9" s="34" t="s">
        <v>228</v>
      </c>
    </row>
    <row r="10" spans="1:2" x14ac:dyDescent="0.2">
      <c r="A10" s="33" t="s">
        <v>229</v>
      </c>
      <c r="B10" s="34" t="s">
        <v>230</v>
      </c>
    </row>
    <row r="11" spans="1:2" x14ac:dyDescent="0.2">
      <c r="A11" s="33" t="s">
        <v>231</v>
      </c>
      <c r="B11" s="34" t="s">
        <v>232</v>
      </c>
    </row>
    <row r="12" spans="1:2" x14ac:dyDescent="0.2">
      <c r="A12" s="33" t="s">
        <v>233</v>
      </c>
      <c r="B12" s="34" t="s">
        <v>234</v>
      </c>
    </row>
    <row r="13" spans="1:2" x14ac:dyDescent="0.2">
      <c r="A13" s="33" t="s">
        <v>235</v>
      </c>
      <c r="B13" s="34" t="s">
        <v>236</v>
      </c>
    </row>
    <row r="14" spans="1:2" x14ac:dyDescent="0.2">
      <c r="A14" s="33" t="s">
        <v>237</v>
      </c>
      <c r="B14" s="34" t="s">
        <v>238</v>
      </c>
    </row>
    <row r="15" spans="1:2" x14ac:dyDescent="0.2">
      <c r="A15" s="33" t="s">
        <v>239</v>
      </c>
      <c r="B15" s="34" t="s">
        <v>240</v>
      </c>
    </row>
    <row r="16" spans="1:2" x14ac:dyDescent="0.2">
      <c r="A16" s="33" t="s">
        <v>241</v>
      </c>
      <c r="B16" s="34" t="s">
        <v>242</v>
      </c>
    </row>
    <row r="17" spans="1:2" x14ac:dyDescent="0.2">
      <c r="A17" s="33" t="s">
        <v>243</v>
      </c>
      <c r="B17" s="34" t="s">
        <v>244</v>
      </c>
    </row>
    <row r="18" spans="1:2" x14ac:dyDescent="0.2">
      <c r="A18" s="33" t="s">
        <v>245</v>
      </c>
      <c r="B18" s="34" t="s">
        <v>246</v>
      </c>
    </row>
    <row r="19" spans="1:2" x14ac:dyDescent="0.2">
      <c r="A19" s="33" t="s">
        <v>247</v>
      </c>
      <c r="B19" s="34" t="s">
        <v>248</v>
      </c>
    </row>
    <row r="20" spans="1:2" x14ac:dyDescent="0.2">
      <c r="A20" s="33" t="s">
        <v>249</v>
      </c>
      <c r="B20" s="34" t="s">
        <v>250</v>
      </c>
    </row>
    <row r="21" spans="1:2" x14ac:dyDescent="0.2">
      <c r="A21" s="33" t="s">
        <v>251</v>
      </c>
      <c r="B21" s="34" t="s">
        <v>252</v>
      </c>
    </row>
    <row r="22" spans="1:2" x14ac:dyDescent="0.2">
      <c r="A22" s="33" t="s">
        <v>253</v>
      </c>
      <c r="B22" s="34" t="s">
        <v>254</v>
      </c>
    </row>
    <row r="23" spans="1:2" x14ac:dyDescent="0.2">
      <c r="A23" s="33" t="s">
        <v>255</v>
      </c>
      <c r="B23" s="34" t="s">
        <v>256</v>
      </c>
    </row>
    <row r="24" spans="1:2" x14ac:dyDescent="0.2">
      <c r="A24" s="33" t="s">
        <v>257</v>
      </c>
      <c r="B24" s="34" t="s">
        <v>258</v>
      </c>
    </row>
    <row r="25" spans="1:2" x14ac:dyDescent="0.2">
      <c r="A25" s="33" t="s">
        <v>259</v>
      </c>
      <c r="B25" s="34" t="s">
        <v>260</v>
      </c>
    </row>
    <row r="26" spans="1:2" x14ac:dyDescent="0.2">
      <c r="A26" s="33" t="s">
        <v>261</v>
      </c>
      <c r="B26" s="34" t="s">
        <v>262</v>
      </c>
    </row>
    <row r="27" spans="1:2" x14ac:dyDescent="0.2">
      <c r="A27" s="33" t="s">
        <v>263</v>
      </c>
      <c r="B27" s="34" t="s">
        <v>264</v>
      </c>
    </row>
    <row r="28" spans="1:2" x14ac:dyDescent="0.2">
      <c r="A28" s="33" t="s">
        <v>265</v>
      </c>
      <c r="B28" s="34" t="s">
        <v>266</v>
      </c>
    </row>
    <row r="29" spans="1:2" x14ac:dyDescent="0.2">
      <c r="A29" s="33" t="s">
        <v>267</v>
      </c>
      <c r="B29" s="34" t="s">
        <v>268</v>
      </c>
    </row>
    <row r="30" spans="1:2" x14ac:dyDescent="0.2">
      <c r="A30" s="33" t="s">
        <v>269</v>
      </c>
      <c r="B30" s="34" t="s">
        <v>270</v>
      </c>
    </row>
    <row r="31" spans="1:2" x14ac:dyDescent="0.2">
      <c r="A31" s="33" t="s">
        <v>271</v>
      </c>
      <c r="B31" s="34" t="s">
        <v>272</v>
      </c>
    </row>
    <row r="32" spans="1:2" x14ac:dyDescent="0.2">
      <c r="A32" s="33" t="s">
        <v>273</v>
      </c>
      <c r="B32" s="34" t="s">
        <v>274</v>
      </c>
    </row>
    <row r="33" spans="1:2" x14ac:dyDescent="0.2">
      <c r="A33" s="33" t="s">
        <v>275</v>
      </c>
      <c r="B33" s="34" t="s">
        <v>276</v>
      </c>
    </row>
    <row r="34" spans="1:2" x14ac:dyDescent="0.2">
      <c r="A34" s="33" t="s">
        <v>277</v>
      </c>
      <c r="B34" s="34" t="s">
        <v>278</v>
      </c>
    </row>
    <row r="35" spans="1:2" x14ac:dyDescent="0.2">
      <c r="A35" s="33" t="s">
        <v>279</v>
      </c>
      <c r="B35" s="34" t="s">
        <v>280</v>
      </c>
    </row>
    <row r="36" spans="1:2" x14ac:dyDescent="0.2">
      <c r="A36" s="33" t="s">
        <v>281</v>
      </c>
      <c r="B36" s="34" t="s">
        <v>282</v>
      </c>
    </row>
    <row r="37" spans="1:2" x14ac:dyDescent="0.2">
      <c r="A37" s="33" t="s">
        <v>283</v>
      </c>
      <c r="B37" s="34" t="s">
        <v>284</v>
      </c>
    </row>
    <row r="38" spans="1:2" x14ac:dyDescent="0.2">
      <c r="A38" s="33" t="s">
        <v>285</v>
      </c>
      <c r="B38" s="34" t="s">
        <v>286</v>
      </c>
    </row>
    <row r="39" spans="1:2" x14ac:dyDescent="0.2">
      <c r="A39" s="33" t="s">
        <v>287</v>
      </c>
      <c r="B39" s="34" t="s">
        <v>288</v>
      </c>
    </row>
    <row r="40" spans="1:2" x14ac:dyDescent="0.2">
      <c r="A40" s="33" t="s">
        <v>289</v>
      </c>
      <c r="B40" s="34" t="s">
        <v>290</v>
      </c>
    </row>
    <row r="41" spans="1:2" x14ac:dyDescent="0.2">
      <c r="A41" s="33" t="s">
        <v>291</v>
      </c>
      <c r="B41" s="34" t="s">
        <v>292</v>
      </c>
    </row>
    <row r="42" spans="1:2" x14ac:dyDescent="0.2">
      <c r="A42" s="33" t="s">
        <v>293</v>
      </c>
      <c r="B42" s="34" t="s">
        <v>294</v>
      </c>
    </row>
    <row r="43" spans="1:2" x14ac:dyDescent="0.2">
      <c r="A43" s="33" t="s">
        <v>295</v>
      </c>
      <c r="B43" s="34" t="s">
        <v>296</v>
      </c>
    </row>
    <row r="44" spans="1:2" x14ac:dyDescent="0.2">
      <c r="A44" s="33" t="s">
        <v>297</v>
      </c>
      <c r="B44" s="34" t="s">
        <v>298</v>
      </c>
    </row>
    <row r="45" spans="1:2" x14ac:dyDescent="0.2">
      <c r="A45" s="33" t="s">
        <v>299</v>
      </c>
      <c r="B45" s="34" t="s">
        <v>300</v>
      </c>
    </row>
    <row r="46" spans="1:2" x14ac:dyDescent="0.2">
      <c r="A46" s="33" t="s">
        <v>301</v>
      </c>
      <c r="B46" s="34" t="s">
        <v>302</v>
      </c>
    </row>
    <row r="47" spans="1:2" x14ac:dyDescent="0.2">
      <c r="A47" s="33" t="s">
        <v>303</v>
      </c>
      <c r="B47" s="34" t="s">
        <v>304</v>
      </c>
    </row>
    <row r="48" spans="1:2" x14ac:dyDescent="0.2">
      <c r="A48" s="33" t="s">
        <v>305</v>
      </c>
      <c r="B48" s="34" t="s">
        <v>306</v>
      </c>
    </row>
    <row r="49" spans="1:2" x14ac:dyDescent="0.2">
      <c r="A49" s="33" t="s">
        <v>307</v>
      </c>
      <c r="B49" s="34" t="s">
        <v>308</v>
      </c>
    </row>
    <row r="50" spans="1:2" x14ac:dyDescent="0.2">
      <c r="A50" s="33" t="s">
        <v>309</v>
      </c>
      <c r="B50" s="34" t="s">
        <v>310</v>
      </c>
    </row>
    <row r="51" spans="1:2" x14ac:dyDescent="0.2">
      <c r="A51" s="33" t="s">
        <v>311</v>
      </c>
      <c r="B51" s="34" t="s">
        <v>312</v>
      </c>
    </row>
    <row r="52" spans="1:2" x14ac:dyDescent="0.2">
      <c r="A52" s="33" t="s">
        <v>313</v>
      </c>
      <c r="B52" s="34" t="s">
        <v>314</v>
      </c>
    </row>
    <row r="53" spans="1:2" x14ac:dyDescent="0.2">
      <c r="A53" s="33" t="s">
        <v>315</v>
      </c>
      <c r="B53" s="34" t="s">
        <v>316</v>
      </c>
    </row>
    <row r="54" spans="1:2" x14ac:dyDescent="0.2">
      <c r="A54" s="33" t="s">
        <v>317</v>
      </c>
      <c r="B54" s="34" t="s">
        <v>318</v>
      </c>
    </row>
    <row r="55" spans="1:2" x14ac:dyDescent="0.2">
      <c r="A55" s="33" t="s">
        <v>319</v>
      </c>
      <c r="B55" s="34" t="s">
        <v>320</v>
      </c>
    </row>
    <row r="56" spans="1:2" x14ac:dyDescent="0.2">
      <c r="A56" s="33" t="s">
        <v>321</v>
      </c>
      <c r="B56" s="34" t="s">
        <v>322</v>
      </c>
    </row>
    <row r="57" spans="1:2" x14ac:dyDescent="0.2">
      <c r="A57" s="33" t="s">
        <v>323</v>
      </c>
      <c r="B57" s="34" t="s">
        <v>324</v>
      </c>
    </row>
    <row r="58" spans="1:2" x14ac:dyDescent="0.2">
      <c r="A58" s="33" t="s">
        <v>325</v>
      </c>
      <c r="B58" s="34" t="s">
        <v>326</v>
      </c>
    </row>
    <row r="59" spans="1:2" x14ac:dyDescent="0.2">
      <c r="A59" s="33" t="s">
        <v>327</v>
      </c>
      <c r="B59" s="34" t="s">
        <v>328</v>
      </c>
    </row>
    <row r="60" spans="1:2" x14ac:dyDescent="0.2">
      <c r="A60" s="33" t="s">
        <v>329</v>
      </c>
      <c r="B60" s="34" t="s">
        <v>330</v>
      </c>
    </row>
    <row r="61" spans="1:2" x14ac:dyDescent="0.2">
      <c r="A61" s="33" t="s">
        <v>331</v>
      </c>
      <c r="B61" s="34" t="s">
        <v>332</v>
      </c>
    </row>
    <row r="62" spans="1:2" x14ac:dyDescent="0.2">
      <c r="A62" s="33" t="s">
        <v>333</v>
      </c>
      <c r="B62" s="34" t="s">
        <v>334</v>
      </c>
    </row>
    <row r="63" spans="1:2" x14ac:dyDescent="0.2">
      <c r="A63" s="33" t="s">
        <v>335</v>
      </c>
      <c r="B63" s="34" t="s">
        <v>336</v>
      </c>
    </row>
    <row r="64" spans="1:2" x14ac:dyDescent="0.2">
      <c r="A64" s="33" t="s">
        <v>337</v>
      </c>
      <c r="B64" s="34" t="s">
        <v>338</v>
      </c>
    </row>
    <row r="65" spans="1:2" x14ac:dyDescent="0.2">
      <c r="A65" s="33" t="s">
        <v>339</v>
      </c>
      <c r="B65" s="34" t="s">
        <v>340</v>
      </c>
    </row>
    <row r="66" spans="1:2" x14ac:dyDescent="0.2">
      <c r="A66" s="33" t="s">
        <v>341</v>
      </c>
      <c r="B66" s="34" t="s">
        <v>342</v>
      </c>
    </row>
    <row r="67" spans="1:2" x14ac:dyDescent="0.2">
      <c r="A67" s="33" t="s">
        <v>343</v>
      </c>
      <c r="B67" s="34" t="s">
        <v>344</v>
      </c>
    </row>
    <row r="68" spans="1:2" x14ac:dyDescent="0.2">
      <c r="A68" s="33" t="s">
        <v>345</v>
      </c>
      <c r="B68" s="34" t="s">
        <v>346</v>
      </c>
    </row>
    <row r="69" spans="1:2" x14ac:dyDescent="0.2">
      <c r="A69" s="33" t="s">
        <v>347</v>
      </c>
      <c r="B69" s="34" t="s">
        <v>348</v>
      </c>
    </row>
    <row r="70" spans="1:2" x14ac:dyDescent="0.2">
      <c r="A70" s="33" t="s">
        <v>349</v>
      </c>
      <c r="B70" s="34" t="s">
        <v>350</v>
      </c>
    </row>
    <row r="71" spans="1:2" x14ac:dyDescent="0.2">
      <c r="A71" s="33" t="s">
        <v>351</v>
      </c>
      <c r="B71" s="34" t="s">
        <v>352</v>
      </c>
    </row>
    <row r="72" spans="1:2" x14ac:dyDescent="0.2">
      <c r="A72" s="33" t="s">
        <v>353</v>
      </c>
      <c r="B72" s="34" t="s">
        <v>354</v>
      </c>
    </row>
    <row r="73" spans="1:2" x14ac:dyDescent="0.2">
      <c r="A73" s="33" t="s">
        <v>355</v>
      </c>
      <c r="B73" s="34" t="s">
        <v>356</v>
      </c>
    </row>
    <row r="74" spans="1:2" x14ac:dyDescent="0.2">
      <c r="A74" s="33" t="s">
        <v>357</v>
      </c>
      <c r="B74" s="34" t="s">
        <v>358</v>
      </c>
    </row>
    <row r="75" spans="1:2" x14ac:dyDescent="0.2">
      <c r="A75" s="33" t="s">
        <v>359</v>
      </c>
      <c r="B75" s="34" t="s">
        <v>360</v>
      </c>
    </row>
    <row r="76" spans="1:2" x14ac:dyDescent="0.2">
      <c r="A76" s="33" t="s">
        <v>361</v>
      </c>
      <c r="B76" s="34" t="s">
        <v>362</v>
      </c>
    </row>
    <row r="77" spans="1:2" x14ac:dyDescent="0.2">
      <c r="A77" s="33" t="s">
        <v>363</v>
      </c>
      <c r="B77" s="34" t="s">
        <v>364</v>
      </c>
    </row>
    <row r="78" spans="1:2" x14ac:dyDescent="0.2">
      <c r="A78" s="33" t="s">
        <v>365</v>
      </c>
      <c r="B78" s="34" t="s">
        <v>366</v>
      </c>
    </row>
    <row r="79" spans="1:2" x14ac:dyDescent="0.2">
      <c r="A79" s="33" t="s">
        <v>367</v>
      </c>
      <c r="B79" s="34" t="s">
        <v>368</v>
      </c>
    </row>
    <row r="80" spans="1:2" x14ac:dyDescent="0.2">
      <c r="A80" s="33" t="s">
        <v>369</v>
      </c>
      <c r="B80" s="34" t="s">
        <v>370</v>
      </c>
    </row>
    <row r="81" spans="1:2" x14ac:dyDescent="0.2">
      <c r="A81" s="33" t="s">
        <v>371</v>
      </c>
      <c r="B81" s="34" t="s">
        <v>372</v>
      </c>
    </row>
    <row r="82" spans="1:2" x14ac:dyDescent="0.2">
      <c r="A82" s="33" t="s">
        <v>373</v>
      </c>
      <c r="B82" s="34" t="s">
        <v>374</v>
      </c>
    </row>
    <row r="83" spans="1:2" x14ac:dyDescent="0.2">
      <c r="A83" s="33" t="s">
        <v>375</v>
      </c>
      <c r="B83" s="34" t="s">
        <v>376</v>
      </c>
    </row>
    <row r="84" spans="1:2" x14ac:dyDescent="0.2">
      <c r="A84" s="33" t="s">
        <v>377</v>
      </c>
      <c r="B84" s="34" t="s">
        <v>378</v>
      </c>
    </row>
    <row r="85" spans="1:2" x14ac:dyDescent="0.2">
      <c r="A85" s="33" t="s">
        <v>379</v>
      </c>
      <c r="B85" s="34" t="s">
        <v>380</v>
      </c>
    </row>
    <row r="86" spans="1:2" x14ac:dyDescent="0.2">
      <c r="A86" s="33" t="s">
        <v>381</v>
      </c>
      <c r="B86" s="34" t="s">
        <v>382</v>
      </c>
    </row>
    <row r="87" spans="1:2" x14ac:dyDescent="0.2">
      <c r="A87" s="33" t="s">
        <v>383</v>
      </c>
      <c r="B87" s="34" t="s">
        <v>384</v>
      </c>
    </row>
    <row r="88" spans="1:2" x14ac:dyDescent="0.2">
      <c r="A88" s="33" t="s">
        <v>385</v>
      </c>
      <c r="B88" s="34" t="s">
        <v>386</v>
      </c>
    </row>
    <row r="89" spans="1:2" x14ac:dyDescent="0.2">
      <c r="A89" s="33" t="s">
        <v>387</v>
      </c>
      <c r="B89" s="34" t="s">
        <v>388</v>
      </c>
    </row>
    <row r="90" spans="1:2" x14ac:dyDescent="0.2">
      <c r="A90" s="33" t="s">
        <v>389</v>
      </c>
      <c r="B90" s="34" t="s">
        <v>390</v>
      </c>
    </row>
    <row r="91" spans="1:2" x14ac:dyDescent="0.2">
      <c r="A91" s="33" t="s">
        <v>391</v>
      </c>
      <c r="B91" s="34" t="s">
        <v>392</v>
      </c>
    </row>
    <row r="92" spans="1:2" x14ac:dyDescent="0.2">
      <c r="A92" s="33" t="s">
        <v>393</v>
      </c>
      <c r="B92" s="34" t="s">
        <v>394</v>
      </c>
    </row>
    <row r="93" spans="1:2" x14ac:dyDescent="0.2">
      <c r="A93" s="33" t="s">
        <v>395</v>
      </c>
      <c r="B93" s="34" t="s">
        <v>396</v>
      </c>
    </row>
    <row r="94" spans="1:2" x14ac:dyDescent="0.2">
      <c r="A94" s="33" t="s">
        <v>397</v>
      </c>
      <c r="B94" s="34" t="s">
        <v>398</v>
      </c>
    </row>
    <row r="95" spans="1:2" x14ac:dyDescent="0.2">
      <c r="A95" s="33" t="s">
        <v>399</v>
      </c>
      <c r="B95" s="34" t="s">
        <v>400</v>
      </c>
    </row>
    <row r="96" spans="1:2" x14ac:dyDescent="0.2">
      <c r="A96" s="33" t="s">
        <v>401</v>
      </c>
      <c r="B96" s="34" t="s">
        <v>402</v>
      </c>
    </row>
    <row r="97" spans="1:2" x14ac:dyDescent="0.2">
      <c r="A97" s="33" t="s">
        <v>403</v>
      </c>
      <c r="B97" s="34" t="s">
        <v>404</v>
      </c>
    </row>
    <row r="98" spans="1:2" x14ac:dyDescent="0.2">
      <c r="A98" s="33" t="s">
        <v>405</v>
      </c>
      <c r="B98" s="34" t="s">
        <v>406</v>
      </c>
    </row>
    <row r="99" spans="1:2" x14ac:dyDescent="0.2">
      <c r="A99" s="33" t="s">
        <v>407</v>
      </c>
      <c r="B99" s="34" t="s">
        <v>408</v>
      </c>
    </row>
    <row r="100" spans="1:2" x14ac:dyDescent="0.2">
      <c r="A100" s="33" t="s">
        <v>409</v>
      </c>
      <c r="B100" s="34" t="s">
        <v>410</v>
      </c>
    </row>
    <row r="101" spans="1:2" x14ac:dyDescent="0.2">
      <c r="A101" s="33" t="s">
        <v>411</v>
      </c>
      <c r="B101" s="34" t="s">
        <v>412</v>
      </c>
    </row>
    <row r="102" spans="1:2" x14ac:dyDescent="0.2">
      <c r="A102" s="33" t="s">
        <v>413</v>
      </c>
      <c r="B102" s="34" t="s">
        <v>414</v>
      </c>
    </row>
    <row r="103" spans="1:2" x14ac:dyDescent="0.2">
      <c r="A103" s="33" t="s">
        <v>415</v>
      </c>
      <c r="B103" s="34" t="s">
        <v>416</v>
      </c>
    </row>
    <row r="104" spans="1:2" x14ac:dyDescent="0.2">
      <c r="A104" s="33" t="s">
        <v>417</v>
      </c>
      <c r="B104" s="34" t="s">
        <v>418</v>
      </c>
    </row>
    <row r="105" spans="1:2" x14ac:dyDescent="0.2">
      <c r="A105" s="33" t="s">
        <v>419</v>
      </c>
      <c r="B105" s="34" t="s">
        <v>420</v>
      </c>
    </row>
    <row r="106" spans="1:2" x14ac:dyDescent="0.2">
      <c r="A106" s="33" t="s">
        <v>421</v>
      </c>
      <c r="B106" s="34" t="s">
        <v>422</v>
      </c>
    </row>
    <row r="107" spans="1:2" x14ac:dyDescent="0.2">
      <c r="A107" s="33" t="s">
        <v>423</v>
      </c>
      <c r="B107" s="34" t="s">
        <v>424</v>
      </c>
    </row>
    <row r="108" spans="1:2" x14ac:dyDescent="0.2">
      <c r="A108" s="33" t="s">
        <v>425</v>
      </c>
      <c r="B108" s="34" t="s">
        <v>426</v>
      </c>
    </row>
    <row r="109" spans="1:2" x14ac:dyDescent="0.2">
      <c r="A109" s="33" t="s">
        <v>427</v>
      </c>
      <c r="B109" s="34" t="s">
        <v>428</v>
      </c>
    </row>
    <row r="110" spans="1:2" x14ac:dyDescent="0.2">
      <c r="A110" s="33" t="s">
        <v>429</v>
      </c>
      <c r="B110" s="34" t="s">
        <v>430</v>
      </c>
    </row>
    <row r="111" spans="1:2" x14ac:dyDescent="0.2">
      <c r="A111" s="33" t="s">
        <v>431</v>
      </c>
      <c r="B111" s="34" t="s">
        <v>432</v>
      </c>
    </row>
    <row r="112" spans="1:2" x14ac:dyDescent="0.2">
      <c r="A112" s="33" t="s">
        <v>433</v>
      </c>
      <c r="B112" s="34" t="s">
        <v>434</v>
      </c>
    </row>
    <row r="113" spans="1:2" x14ac:dyDescent="0.2">
      <c r="A113" s="33" t="s">
        <v>435</v>
      </c>
      <c r="B113" s="34" t="s">
        <v>436</v>
      </c>
    </row>
    <row r="114" spans="1:2" x14ac:dyDescent="0.2">
      <c r="A114" s="33" t="s">
        <v>437</v>
      </c>
      <c r="B114" s="34" t="s">
        <v>438</v>
      </c>
    </row>
    <row r="115" spans="1:2" x14ac:dyDescent="0.2">
      <c r="A115" s="33" t="s">
        <v>439</v>
      </c>
      <c r="B115" s="34" t="s">
        <v>440</v>
      </c>
    </row>
    <row r="116" spans="1:2" x14ac:dyDescent="0.2">
      <c r="A116" s="33" t="s">
        <v>441</v>
      </c>
      <c r="B116" s="34" t="s">
        <v>442</v>
      </c>
    </row>
    <row r="117" spans="1:2" x14ac:dyDescent="0.2">
      <c r="A117" s="33" t="s">
        <v>443</v>
      </c>
      <c r="B117" s="34" t="s">
        <v>444</v>
      </c>
    </row>
    <row r="118" spans="1:2" x14ac:dyDescent="0.2">
      <c r="A118" s="33" t="s">
        <v>445</v>
      </c>
      <c r="B118" s="34" t="s">
        <v>446</v>
      </c>
    </row>
    <row r="119" spans="1:2" x14ac:dyDescent="0.2">
      <c r="A119" s="33" t="s">
        <v>447</v>
      </c>
      <c r="B119" s="34" t="s">
        <v>448</v>
      </c>
    </row>
    <row r="120" spans="1:2" x14ac:dyDescent="0.2">
      <c r="A120" s="33" t="s">
        <v>449</v>
      </c>
      <c r="B120" s="34" t="s">
        <v>450</v>
      </c>
    </row>
    <row r="121" spans="1:2" x14ac:dyDescent="0.2">
      <c r="A121" s="33" t="s">
        <v>451</v>
      </c>
      <c r="B121" s="34" t="s">
        <v>452</v>
      </c>
    </row>
    <row r="122" spans="1:2" x14ac:dyDescent="0.2">
      <c r="A122" s="33" t="s">
        <v>453</v>
      </c>
      <c r="B122" s="34" t="s">
        <v>454</v>
      </c>
    </row>
    <row r="123" spans="1:2" x14ac:dyDescent="0.2">
      <c r="A123" s="33" t="s">
        <v>455</v>
      </c>
      <c r="B123" s="34" t="s">
        <v>456</v>
      </c>
    </row>
    <row r="124" spans="1:2" x14ac:dyDescent="0.2">
      <c r="A124" s="33" t="s">
        <v>457</v>
      </c>
      <c r="B124" s="34" t="s">
        <v>458</v>
      </c>
    </row>
    <row r="125" spans="1:2" x14ac:dyDescent="0.2">
      <c r="A125" s="33" t="s">
        <v>459</v>
      </c>
      <c r="B125" s="34" t="s">
        <v>460</v>
      </c>
    </row>
    <row r="126" spans="1:2" x14ac:dyDescent="0.2">
      <c r="A126" s="33" t="s">
        <v>461</v>
      </c>
      <c r="B126" s="34" t="s">
        <v>462</v>
      </c>
    </row>
    <row r="127" spans="1:2" x14ac:dyDescent="0.2">
      <c r="A127" s="33" t="s">
        <v>463</v>
      </c>
      <c r="B127" s="34" t="s">
        <v>464</v>
      </c>
    </row>
    <row r="128" spans="1:2" x14ac:dyDescent="0.2">
      <c r="A128" s="33" t="s">
        <v>465</v>
      </c>
      <c r="B128" s="34" t="s">
        <v>466</v>
      </c>
    </row>
    <row r="129" spans="1:2" x14ac:dyDescent="0.2">
      <c r="A129" s="33" t="s">
        <v>467</v>
      </c>
      <c r="B129" s="34" t="s">
        <v>468</v>
      </c>
    </row>
    <row r="130" spans="1:2" x14ac:dyDescent="0.2">
      <c r="A130" s="33" t="s">
        <v>469</v>
      </c>
      <c r="B130" s="34" t="s">
        <v>470</v>
      </c>
    </row>
    <row r="131" spans="1:2" x14ac:dyDescent="0.2">
      <c r="A131" s="33" t="s">
        <v>471</v>
      </c>
      <c r="B131" s="34" t="s">
        <v>472</v>
      </c>
    </row>
    <row r="132" spans="1:2" x14ac:dyDescent="0.2">
      <c r="A132" s="33" t="s">
        <v>473</v>
      </c>
      <c r="B132" s="34" t="s">
        <v>474</v>
      </c>
    </row>
    <row r="133" spans="1:2" x14ac:dyDescent="0.2">
      <c r="A133" s="33" t="s">
        <v>475</v>
      </c>
      <c r="B133" s="34" t="s">
        <v>476</v>
      </c>
    </row>
    <row r="134" spans="1:2" x14ac:dyDescent="0.2">
      <c r="A134" s="33" t="s">
        <v>477</v>
      </c>
      <c r="B134" s="34" t="s">
        <v>478</v>
      </c>
    </row>
    <row r="135" spans="1:2" x14ac:dyDescent="0.2">
      <c r="A135" s="33" t="s">
        <v>479</v>
      </c>
      <c r="B135" s="34" t="s">
        <v>480</v>
      </c>
    </row>
    <row r="136" spans="1:2" x14ac:dyDescent="0.2">
      <c r="A136" s="33" t="s">
        <v>481</v>
      </c>
      <c r="B136" s="34" t="s">
        <v>482</v>
      </c>
    </row>
    <row r="137" spans="1:2" x14ac:dyDescent="0.2">
      <c r="A137" s="33" t="s">
        <v>483</v>
      </c>
      <c r="B137" s="34" t="s">
        <v>484</v>
      </c>
    </row>
    <row r="138" spans="1:2" x14ac:dyDescent="0.2">
      <c r="A138" s="33" t="s">
        <v>485</v>
      </c>
      <c r="B138" s="34" t="s">
        <v>486</v>
      </c>
    </row>
    <row r="139" spans="1:2" x14ac:dyDescent="0.2">
      <c r="A139" s="33" t="s">
        <v>487</v>
      </c>
      <c r="B139" s="34" t="s">
        <v>488</v>
      </c>
    </row>
    <row r="140" spans="1:2" x14ac:dyDescent="0.2">
      <c r="A140" s="33" t="s">
        <v>489</v>
      </c>
      <c r="B140" s="34" t="s">
        <v>490</v>
      </c>
    </row>
    <row r="141" spans="1:2" x14ac:dyDescent="0.2">
      <c r="A141" s="33" t="s">
        <v>491</v>
      </c>
      <c r="B141" s="34" t="s">
        <v>492</v>
      </c>
    </row>
    <row r="142" spans="1:2" x14ac:dyDescent="0.2">
      <c r="A142" s="33" t="s">
        <v>493</v>
      </c>
      <c r="B142" s="34" t="s">
        <v>494</v>
      </c>
    </row>
    <row r="143" spans="1:2" x14ac:dyDescent="0.2">
      <c r="A143" s="33" t="s">
        <v>495</v>
      </c>
      <c r="B143" s="34" t="s">
        <v>496</v>
      </c>
    </row>
    <row r="144" spans="1:2" x14ac:dyDescent="0.2">
      <c r="A144" s="33" t="s">
        <v>497</v>
      </c>
      <c r="B144" s="34" t="s">
        <v>498</v>
      </c>
    </row>
    <row r="145" spans="1:2" x14ac:dyDescent="0.2">
      <c r="A145" s="33" t="s">
        <v>499</v>
      </c>
      <c r="B145" s="34" t="s">
        <v>500</v>
      </c>
    </row>
    <row r="146" spans="1:2" x14ac:dyDescent="0.2">
      <c r="A146" s="33" t="s">
        <v>501</v>
      </c>
      <c r="B146" s="34" t="s">
        <v>502</v>
      </c>
    </row>
    <row r="147" spans="1:2" x14ac:dyDescent="0.2">
      <c r="A147" s="33" t="s">
        <v>503</v>
      </c>
      <c r="B147" s="34" t="s">
        <v>504</v>
      </c>
    </row>
    <row r="148" spans="1:2" x14ac:dyDescent="0.2">
      <c r="A148" s="33" t="s">
        <v>505</v>
      </c>
      <c r="B148" s="34" t="s">
        <v>506</v>
      </c>
    </row>
    <row r="149" spans="1:2" x14ac:dyDescent="0.2">
      <c r="A149" s="33" t="s">
        <v>507</v>
      </c>
      <c r="B149" s="34" t="s">
        <v>508</v>
      </c>
    </row>
    <row r="150" spans="1:2" x14ac:dyDescent="0.2">
      <c r="A150" s="33" t="s">
        <v>509</v>
      </c>
      <c r="B150" s="34" t="s">
        <v>510</v>
      </c>
    </row>
    <row r="151" spans="1:2" x14ac:dyDescent="0.2">
      <c r="A151" s="33" t="s">
        <v>511</v>
      </c>
      <c r="B151" s="34" t="s">
        <v>512</v>
      </c>
    </row>
    <row r="152" spans="1:2" x14ac:dyDescent="0.2">
      <c r="A152" s="33" t="s">
        <v>513</v>
      </c>
      <c r="B152" s="34" t="s">
        <v>514</v>
      </c>
    </row>
    <row r="153" spans="1:2" x14ac:dyDescent="0.2">
      <c r="A153" s="33" t="s">
        <v>515</v>
      </c>
      <c r="B153" s="34" t="s">
        <v>516</v>
      </c>
    </row>
    <row r="154" spans="1:2" x14ac:dyDescent="0.2">
      <c r="A154" s="33" t="s">
        <v>517</v>
      </c>
      <c r="B154" s="34" t="s">
        <v>518</v>
      </c>
    </row>
    <row r="155" spans="1:2" x14ac:dyDescent="0.2">
      <c r="A155" s="33" t="s">
        <v>519</v>
      </c>
      <c r="B155" s="34" t="s">
        <v>520</v>
      </c>
    </row>
    <row r="156" spans="1:2" x14ac:dyDescent="0.2">
      <c r="A156" s="33" t="s">
        <v>521</v>
      </c>
      <c r="B156" s="34" t="s">
        <v>522</v>
      </c>
    </row>
    <row r="157" spans="1:2" x14ac:dyDescent="0.2">
      <c r="A157" s="33" t="s">
        <v>523</v>
      </c>
      <c r="B157" s="34" t="s">
        <v>524</v>
      </c>
    </row>
    <row r="158" spans="1:2" x14ac:dyDescent="0.2">
      <c r="A158" s="33" t="s">
        <v>525</v>
      </c>
      <c r="B158" s="34" t="s">
        <v>526</v>
      </c>
    </row>
    <row r="159" spans="1:2" x14ac:dyDescent="0.2">
      <c r="A159" s="33" t="s">
        <v>527</v>
      </c>
      <c r="B159" s="34" t="s">
        <v>528</v>
      </c>
    </row>
    <row r="160" spans="1:2" x14ac:dyDescent="0.2">
      <c r="A160" s="33" t="s">
        <v>529</v>
      </c>
      <c r="B160" s="34" t="s">
        <v>530</v>
      </c>
    </row>
    <row r="161" spans="1:2" x14ac:dyDescent="0.2">
      <c r="A161" s="33" t="s">
        <v>531</v>
      </c>
      <c r="B161" s="34" t="s">
        <v>532</v>
      </c>
    </row>
    <row r="162" spans="1:2" x14ac:dyDescent="0.2">
      <c r="A162" s="33" t="s">
        <v>533</v>
      </c>
      <c r="B162" s="34" t="s">
        <v>534</v>
      </c>
    </row>
    <row r="163" spans="1:2" x14ac:dyDescent="0.2">
      <c r="A163" s="33" t="s">
        <v>535</v>
      </c>
      <c r="B163" s="34" t="s">
        <v>536</v>
      </c>
    </row>
    <row r="164" spans="1:2" x14ac:dyDescent="0.2">
      <c r="A164" s="33" t="s">
        <v>537</v>
      </c>
      <c r="B164" s="34" t="s">
        <v>538</v>
      </c>
    </row>
    <row r="165" spans="1:2" x14ac:dyDescent="0.2">
      <c r="A165" s="33" t="s">
        <v>539</v>
      </c>
      <c r="B165" s="34" t="s">
        <v>540</v>
      </c>
    </row>
    <row r="166" spans="1:2" x14ac:dyDescent="0.2">
      <c r="A166" s="33" t="s">
        <v>541</v>
      </c>
      <c r="B166" s="34" t="s">
        <v>542</v>
      </c>
    </row>
    <row r="167" spans="1:2" x14ac:dyDescent="0.2">
      <c r="A167" s="33" t="s">
        <v>543</v>
      </c>
      <c r="B167" s="34" t="s">
        <v>544</v>
      </c>
    </row>
    <row r="168" spans="1:2" x14ac:dyDescent="0.2">
      <c r="A168" s="33" t="s">
        <v>545</v>
      </c>
      <c r="B168" s="34" t="s">
        <v>546</v>
      </c>
    </row>
    <row r="169" spans="1:2" x14ac:dyDescent="0.2">
      <c r="A169" s="33" t="s">
        <v>547</v>
      </c>
      <c r="B169" s="34" t="s">
        <v>548</v>
      </c>
    </row>
    <row r="170" spans="1:2" x14ac:dyDescent="0.2">
      <c r="A170" s="33" t="s">
        <v>549</v>
      </c>
      <c r="B170" s="34" t="s">
        <v>550</v>
      </c>
    </row>
    <row r="171" spans="1:2" x14ac:dyDescent="0.2">
      <c r="A171" s="33" t="s">
        <v>551</v>
      </c>
      <c r="B171" s="34" t="s">
        <v>552</v>
      </c>
    </row>
    <row r="172" spans="1:2" x14ac:dyDescent="0.2">
      <c r="A172" s="33" t="s">
        <v>553</v>
      </c>
      <c r="B172" s="34" t="s">
        <v>554</v>
      </c>
    </row>
    <row r="173" spans="1:2" x14ac:dyDescent="0.2">
      <c r="A173" s="33" t="s">
        <v>555</v>
      </c>
      <c r="B173" s="34" t="s">
        <v>556</v>
      </c>
    </row>
    <row r="174" spans="1:2" x14ac:dyDescent="0.2">
      <c r="A174" s="33" t="s">
        <v>557</v>
      </c>
      <c r="B174" s="34" t="s">
        <v>558</v>
      </c>
    </row>
    <row r="175" spans="1:2" x14ac:dyDescent="0.2">
      <c r="A175" s="33" t="s">
        <v>559</v>
      </c>
      <c r="B175" s="34" t="s">
        <v>560</v>
      </c>
    </row>
    <row r="176" spans="1:2" x14ac:dyDescent="0.2">
      <c r="A176" s="33" t="s">
        <v>561</v>
      </c>
      <c r="B176" s="34" t="s">
        <v>562</v>
      </c>
    </row>
    <row r="177" spans="1:2" x14ac:dyDescent="0.2">
      <c r="A177" s="33" t="s">
        <v>563</v>
      </c>
      <c r="B177" s="34" t="s">
        <v>564</v>
      </c>
    </row>
    <row r="178" spans="1:2" x14ac:dyDescent="0.2">
      <c r="A178" s="33" t="s">
        <v>565</v>
      </c>
      <c r="B178" s="34" t="s">
        <v>566</v>
      </c>
    </row>
    <row r="179" spans="1:2" x14ac:dyDescent="0.2">
      <c r="A179" s="33" t="s">
        <v>567</v>
      </c>
      <c r="B179" s="34" t="s">
        <v>568</v>
      </c>
    </row>
    <row r="180" spans="1:2" x14ac:dyDescent="0.2">
      <c r="A180" s="33" t="s">
        <v>569</v>
      </c>
      <c r="B180" s="34" t="s">
        <v>570</v>
      </c>
    </row>
    <row r="181" spans="1:2" x14ac:dyDescent="0.2">
      <c r="A181" s="33" t="s">
        <v>571</v>
      </c>
      <c r="B181" s="34" t="s">
        <v>572</v>
      </c>
    </row>
    <row r="182" spans="1:2" x14ac:dyDescent="0.2">
      <c r="A182" s="33" t="s">
        <v>573</v>
      </c>
      <c r="B182" s="34" t="s">
        <v>574</v>
      </c>
    </row>
    <row r="183" spans="1:2" x14ac:dyDescent="0.2">
      <c r="A183" s="33" t="s">
        <v>575</v>
      </c>
      <c r="B183" s="34" t="s">
        <v>576</v>
      </c>
    </row>
    <row r="184" spans="1:2" x14ac:dyDescent="0.2">
      <c r="A184" s="33" t="s">
        <v>577</v>
      </c>
      <c r="B184" s="34" t="s">
        <v>578</v>
      </c>
    </row>
    <row r="185" spans="1:2" x14ac:dyDescent="0.2">
      <c r="A185" s="33" t="s">
        <v>579</v>
      </c>
      <c r="B185" s="34" t="s">
        <v>580</v>
      </c>
    </row>
    <row r="186" spans="1:2" x14ac:dyDescent="0.2">
      <c r="A186" s="33" t="s">
        <v>581</v>
      </c>
      <c r="B186" s="34" t="s">
        <v>582</v>
      </c>
    </row>
    <row r="187" spans="1:2" x14ac:dyDescent="0.2">
      <c r="A187" s="33" t="s">
        <v>583</v>
      </c>
      <c r="B187" s="34" t="s">
        <v>584</v>
      </c>
    </row>
    <row r="188" spans="1:2" x14ac:dyDescent="0.2">
      <c r="A188" s="33" t="s">
        <v>585</v>
      </c>
      <c r="B188" s="34" t="s">
        <v>586</v>
      </c>
    </row>
    <row r="189" spans="1:2" x14ac:dyDescent="0.2">
      <c r="A189" s="33" t="s">
        <v>587</v>
      </c>
      <c r="B189" s="34" t="s">
        <v>588</v>
      </c>
    </row>
    <row r="190" spans="1:2" x14ac:dyDescent="0.2">
      <c r="A190" s="33" t="s">
        <v>589</v>
      </c>
      <c r="B190" s="34" t="s">
        <v>590</v>
      </c>
    </row>
    <row r="191" spans="1:2" x14ac:dyDescent="0.2">
      <c r="A191" s="33" t="s">
        <v>591</v>
      </c>
      <c r="B191" s="34" t="s">
        <v>592</v>
      </c>
    </row>
    <row r="192" spans="1:2" x14ac:dyDescent="0.2">
      <c r="A192" s="33" t="s">
        <v>593</v>
      </c>
      <c r="B192" s="34" t="s">
        <v>594</v>
      </c>
    </row>
    <row r="193" spans="1:2" x14ac:dyDescent="0.2">
      <c r="A193" s="33" t="s">
        <v>595</v>
      </c>
      <c r="B193" s="34" t="s">
        <v>596</v>
      </c>
    </row>
    <row r="194" spans="1:2" x14ac:dyDescent="0.2">
      <c r="A194" s="33" t="s">
        <v>597</v>
      </c>
      <c r="B194" s="34" t="s">
        <v>598</v>
      </c>
    </row>
    <row r="195" spans="1:2" x14ac:dyDescent="0.2">
      <c r="A195" s="33" t="s">
        <v>599</v>
      </c>
      <c r="B195" s="34" t="s">
        <v>600</v>
      </c>
    </row>
    <row r="196" spans="1:2" x14ac:dyDescent="0.2">
      <c r="A196" s="33" t="s">
        <v>601</v>
      </c>
      <c r="B196" s="34" t="s">
        <v>602</v>
      </c>
    </row>
    <row r="197" spans="1:2" x14ac:dyDescent="0.2">
      <c r="A197" s="33" t="s">
        <v>603</v>
      </c>
      <c r="B197" s="34" t="s">
        <v>604</v>
      </c>
    </row>
    <row r="198" spans="1:2" x14ac:dyDescent="0.2">
      <c r="A198" s="33" t="s">
        <v>605</v>
      </c>
      <c r="B198" s="34" t="s">
        <v>606</v>
      </c>
    </row>
    <row r="199" spans="1:2" x14ac:dyDescent="0.2">
      <c r="A199" s="33" t="s">
        <v>607</v>
      </c>
      <c r="B199" s="34" t="s">
        <v>608</v>
      </c>
    </row>
    <row r="200" spans="1:2" x14ac:dyDescent="0.2">
      <c r="A200" s="33" t="s">
        <v>609</v>
      </c>
      <c r="B200" s="34" t="s">
        <v>610</v>
      </c>
    </row>
    <row r="201" spans="1:2" x14ac:dyDescent="0.2">
      <c r="A201" s="33" t="s">
        <v>611</v>
      </c>
      <c r="B201" s="34" t="s">
        <v>612</v>
      </c>
    </row>
    <row r="202" spans="1:2" x14ac:dyDescent="0.2">
      <c r="A202" s="33" t="s">
        <v>613</v>
      </c>
      <c r="B202" s="34" t="s">
        <v>614</v>
      </c>
    </row>
    <row r="203" spans="1:2" x14ac:dyDescent="0.2">
      <c r="A203" s="33" t="s">
        <v>615</v>
      </c>
      <c r="B203" s="34" t="s">
        <v>616</v>
      </c>
    </row>
    <row r="204" spans="1:2" x14ac:dyDescent="0.2">
      <c r="A204" s="33" t="s">
        <v>617</v>
      </c>
      <c r="B204" s="34" t="s">
        <v>618</v>
      </c>
    </row>
    <row r="205" spans="1:2" x14ac:dyDescent="0.2">
      <c r="A205" s="33" t="s">
        <v>619</v>
      </c>
      <c r="B205" s="34" t="s">
        <v>620</v>
      </c>
    </row>
    <row r="206" spans="1:2" x14ac:dyDescent="0.2">
      <c r="A206" s="33" t="s">
        <v>621</v>
      </c>
      <c r="B206" s="34" t="s">
        <v>622</v>
      </c>
    </row>
    <row r="207" spans="1:2" x14ac:dyDescent="0.2">
      <c r="A207" s="33" t="s">
        <v>623</v>
      </c>
      <c r="B207" s="34" t="s">
        <v>624</v>
      </c>
    </row>
    <row r="208" spans="1:2" x14ac:dyDescent="0.2">
      <c r="A208" s="33" t="s">
        <v>625</v>
      </c>
      <c r="B208" s="34" t="s">
        <v>626</v>
      </c>
    </row>
    <row r="209" spans="1:2" x14ac:dyDescent="0.2">
      <c r="A209" s="33" t="s">
        <v>627</v>
      </c>
      <c r="B209" s="34" t="s">
        <v>628</v>
      </c>
    </row>
    <row r="210" spans="1:2" x14ac:dyDescent="0.2">
      <c r="A210" s="33" t="s">
        <v>629</v>
      </c>
      <c r="B210" s="34" t="s">
        <v>606</v>
      </c>
    </row>
    <row r="211" spans="1:2" x14ac:dyDescent="0.2">
      <c r="A211" s="33" t="s">
        <v>630</v>
      </c>
      <c r="B211" s="34" t="s">
        <v>631</v>
      </c>
    </row>
    <row r="212" spans="1:2" x14ac:dyDescent="0.2">
      <c r="A212" s="33" t="s">
        <v>632</v>
      </c>
      <c r="B212" s="34" t="s">
        <v>633</v>
      </c>
    </row>
    <row r="213" spans="1:2" x14ac:dyDescent="0.2">
      <c r="A213" s="33" t="s">
        <v>634</v>
      </c>
      <c r="B213" s="34" t="s">
        <v>635</v>
      </c>
    </row>
    <row r="214" spans="1:2" x14ac:dyDescent="0.2">
      <c r="A214" s="33" t="s">
        <v>636</v>
      </c>
      <c r="B214" s="34" t="s">
        <v>637</v>
      </c>
    </row>
    <row r="215" spans="1:2" x14ac:dyDescent="0.2">
      <c r="A215" s="33" t="s">
        <v>638</v>
      </c>
      <c r="B215" s="34" t="s">
        <v>639</v>
      </c>
    </row>
    <row r="216" spans="1:2" x14ac:dyDescent="0.2">
      <c r="A216" s="33" t="s">
        <v>640</v>
      </c>
      <c r="B216" s="34" t="s">
        <v>641</v>
      </c>
    </row>
    <row r="217" spans="1:2" x14ac:dyDescent="0.2">
      <c r="A217" s="33" t="s">
        <v>642</v>
      </c>
      <c r="B217" s="34" t="s">
        <v>643</v>
      </c>
    </row>
    <row r="218" spans="1:2" x14ac:dyDescent="0.2">
      <c r="A218" s="33" t="s">
        <v>644</v>
      </c>
      <c r="B218" s="34" t="s">
        <v>645</v>
      </c>
    </row>
    <row r="219" spans="1:2" x14ac:dyDescent="0.2">
      <c r="A219" s="33" t="s">
        <v>646</v>
      </c>
      <c r="B219" s="34" t="s">
        <v>647</v>
      </c>
    </row>
    <row r="220" spans="1:2" x14ac:dyDescent="0.2">
      <c r="A220" s="33" t="s">
        <v>648</v>
      </c>
      <c r="B220" s="34" t="s">
        <v>649</v>
      </c>
    </row>
    <row r="221" spans="1:2" x14ac:dyDescent="0.2">
      <c r="A221" s="33" t="s">
        <v>650</v>
      </c>
      <c r="B221" s="34" t="s">
        <v>651</v>
      </c>
    </row>
    <row r="222" spans="1:2" x14ac:dyDescent="0.2">
      <c r="A222" s="33" t="s">
        <v>652</v>
      </c>
      <c r="B222" s="34" t="s">
        <v>653</v>
      </c>
    </row>
    <row r="223" spans="1:2" x14ac:dyDescent="0.2">
      <c r="A223" s="33" t="s">
        <v>654</v>
      </c>
      <c r="B223" s="34" t="s">
        <v>655</v>
      </c>
    </row>
    <row r="224" spans="1:2" x14ac:dyDescent="0.2">
      <c r="A224" s="33" t="s">
        <v>656</v>
      </c>
      <c r="B224" s="34" t="s">
        <v>657</v>
      </c>
    </row>
    <row r="225" spans="1:2" x14ac:dyDescent="0.2">
      <c r="A225" s="33" t="s">
        <v>658</v>
      </c>
      <c r="B225" s="34" t="s">
        <v>659</v>
      </c>
    </row>
    <row r="226" spans="1:2" x14ac:dyDescent="0.2">
      <c r="A226" s="33" t="s">
        <v>660</v>
      </c>
      <c r="B226" s="34" t="s">
        <v>661</v>
      </c>
    </row>
    <row r="227" spans="1:2" x14ac:dyDescent="0.2">
      <c r="A227" s="33" t="s">
        <v>662</v>
      </c>
      <c r="B227" s="34" t="s">
        <v>663</v>
      </c>
    </row>
    <row r="228" spans="1:2" x14ac:dyDescent="0.2">
      <c r="A228" s="33" t="s">
        <v>664</v>
      </c>
      <c r="B228" s="34" t="s">
        <v>665</v>
      </c>
    </row>
    <row r="229" spans="1:2" x14ac:dyDescent="0.2">
      <c r="A229" s="33" t="s">
        <v>666</v>
      </c>
      <c r="B229" s="34" t="s">
        <v>667</v>
      </c>
    </row>
    <row r="230" spans="1:2" x14ac:dyDescent="0.2">
      <c r="A230" s="33" t="s">
        <v>668</v>
      </c>
      <c r="B230" s="34" t="s">
        <v>669</v>
      </c>
    </row>
    <row r="231" spans="1:2" x14ac:dyDescent="0.2">
      <c r="A231" s="33" t="s">
        <v>670</v>
      </c>
      <c r="B231" s="34" t="s">
        <v>671</v>
      </c>
    </row>
    <row r="232" spans="1:2" x14ac:dyDescent="0.2">
      <c r="A232" s="33" t="s">
        <v>672</v>
      </c>
      <c r="B232" s="34" t="s">
        <v>673</v>
      </c>
    </row>
    <row r="233" spans="1:2" x14ac:dyDescent="0.2">
      <c r="A233" s="33" t="s">
        <v>674</v>
      </c>
      <c r="B233" s="34" t="s">
        <v>675</v>
      </c>
    </row>
    <row r="234" spans="1:2" x14ac:dyDescent="0.2">
      <c r="A234" s="33" t="s">
        <v>676</v>
      </c>
      <c r="B234" s="34" t="s">
        <v>677</v>
      </c>
    </row>
    <row r="235" spans="1:2" x14ac:dyDescent="0.2">
      <c r="A235" s="33" t="s">
        <v>678</v>
      </c>
      <c r="B235" s="34" t="s">
        <v>679</v>
      </c>
    </row>
    <row r="236" spans="1:2" x14ac:dyDescent="0.2">
      <c r="A236" s="33" t="s">
        <v>680</v>
      </c>
      <c r="B236" s="34" t="s">
        <v>681</v>
      </c>
    </row>
    <row r="237" spans="1:2" x14ac:dyDescent="0.2">
      <c r="A237" s="33" t="s">
        <v>682</v>
      </c>
      <c r="B237" s="34" t="s">
        <v>683</v>
      </c>
    </row>
    <row r="238" spans="1:2" x14ac:dyDescent="0.2">
      <c r="A238" s="33" t="s">
        <v>684</v>
      </c>
      <c r="B238" s="34" t="s">
        <v>685</v>
      </c>
    </row>
    <row r="239" spans="1:2" x14ac:dyDescent="0.2">
      <c r="A239" s="33" t="s">
        <v>686</v>
      </c>
      <c r="B239" s="34" t="s">
        <v>687</v>
      </c>
    </row>
    <row r="240" spans="1:2" x14ac:dyDescent="0.2">
      <c r="A240" s="33" t="s">
        <v>688</v>
      </c>
      <c r="B240" s="34" t="s">
        <v>689</v>
      </c>
    </row>
    <row r="241" spans="1:2" x14ac:dyDescent="0.2">
      <c r="A241" s="33" t="s">
        <v>690</v>
      </c>
      <c r="B241" s="34" t="s">
        <v>691</v>
      </c>
    </row>
    <row r="242" spans="1:2" x14ac:dyDescent="0.2">
      <c r="A242" s="33" t="s">
        <v>692</v>
      </c>
      <c r="B242" s="34" t="s">
        <v>693</v>
      </c>
    </row>
    <row r="243" spans="1:2" x14ac:dyDescent="0.2">
      <c r="A243" s="33" t="s">
        <v>694</v>
      </c>
      <c r="B243" s="34" t="s">
        <v>695</v>
      </c>
    </row>
    <row r="244" spans="1:2" x14ac:dyDescent="0.2">
      <c r="A244" s="33" t="s">
        <v>696</v>
      </c>
      <c r="B244" s="34" t="s">
        <v>697</v>
      </c>
    </row>
    <row r="245" spans="1:2" x14ac:dyDescent="0.2">
      <c r="A245" s="33" t="s">
        <v>698</v>
      </c>
      <c r="B245" s="34" t="s">
        <v>699</v>
      </c>
    </row>
    <row r="246" spans="1:2" x14ac:dyDescent="0.2">
      <c r="A246" s="33" t="s">
        <v>700</v>
      </c>
      <c r="B246" s="34" t="s">
        <v>701</v>
      </c>
    </row>
    <row r="247" spans="1:2" x14ac:dyDescent="0.2">
      <c r="A247" s="33" t="s">
        <v>702</v>
      </c>
      <c r="B247" s="34" t="s">
        <v>703</v>
      </c>
    </row>
    <row r="248" spans="1:2" x14ac:dyDescent="0.2">
      <c r="A248" s="33" t="s">
        <v>704</v>
      </c>
      <c r="B248" s="34" t="s">
        <v>705</v>
      </c>
    </row>
    <row r="249" spans="1:2" x14ac:dyDescent="0.2">
      <c r="A249" s="33" t="s">
        <v>706</v>
      </c>
      <c r="B249" s="34" t="s">
        <v>707</v>
      </c>
    </row>
  </sheetData>
  <phoneticPr fontId="1"/>
  <pageMargins left="0.7" right="0.7" top="0.75" bottom="0.75" header="0.3" footer="0.3"/>
  <pageSetup paperSize="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リスク評価シート</vt:lpstr>
      <vt:lpstr>所属コード</vt:lpstr>
      <vt:lpstr>リスク評価シート!Print_Area</vt:lpstr>
      <vt:lpstr>リスク評価シート!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4-03-18T02:30:09Z</cp:lastPrinted>
  <dcterms:created xsi:type="dcterms:W3CDTF">2018-08-22T23:29:05Z</dcterms:created>
  <dcterms:modified xsi:type="dcterms:W3CDTF">2024-03-25T04:35:33Z</dcterms:modified>
</cp:coreProperties>
</file>